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drawings/drawing1.xml" ContentType="application/vnd.openxmlformats-officedocument.drawingml.chartshapes+xml"/>
  <Override PartName="/word/charts/chart4.xml" ContentType="application/vnd.openxmlformats-officedocument.drawingml.chart+xml"/>
  <Override PartName="/word/theme/themeOverride4.xml" ContentType="application/vnd.openxmlformats-officedocument.themeOverride+xml"/>
  <Override PartName="/word/drawings/drawing2.xml" ContentType="application/vnd.openxmlformats-officedocument.drawingml.chartshapes+xml"/>
  <Override PartName="/word/charts/chart5.xml" ContentType="application/vnd.openxmlformats-officedocument.drawingml.chart+xml"/>
  <Override PartName="/word/theme/themeOverride5.xml" ContentType="application/vnd.openxmlformats-officedocument.themeOverride+xml"/>
  <Override PartName="/word/drawings/drawing3.xml" ContentType="application/vnd.openxmlformats-officedocument.drawingml.chartshap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35A367E" w14:textId="74B209D1" w:rsidR="00AE2CED" w:rsidRPr="00FC3143" w:rsidRDefault="00086DFB" w:rsidP="00B50831">
      <w:pPr>
        <w:tabs>
          <w:tab w:val="left" w:pos="90"/>
        </w:tabs>
        <w:spacing w:line="240" w:lineRule="auto"/>
        <w:jc w:val="center"/>
        <w:rPr>
          <w:rFonts w:asciiTheme="majorBidi" w:hAnsiTheme="majorBidi" w:cstheme="majorBidi"/>
          <w:b/>
          <w:bCs/>
          <w:sz w:val="36"/>
          <w:szCs w:val="36"/>
        </w:rPr>
      </w:pPr>
      <w:r w:rsidRPr="00FC3143">
        <w:rPr>
          <w:rFonts w:asciiTheme="majorBidi" w:hAnsiTheme="majorBidi" w:cstheme="majorBidi"/>
          <w:b/>
          <w:bCs/>
          <w:sz w:val="36"/>
          <w:szCs w:val="36"/>
        </w:rPr>
        <w:t xml:space="preserve">Gas </w:t>
      </w:r>
      <w:r w:rsidR="005D1654" w:rsidRPr="00FC3143">
        <w:rPr>
          <w:rFonts w:asciiTheme="majorBidi" w:hAnsiTheme="majorBidi" w:cstheme="majorBidi"/>
          <w:b/>
          <w:bCs/>
          <w:sz w:val="36"/>
          <w:szCs w:val="36"/>
        </w:rPr>
        <w:t>Sensing Study Using Tin Oxide Thin Film for Hydrogen Sulfide Gas</w:t>
      </w:r>
    </w:p>
    <w:p w14:paraId="36E93C17" w14:textId="1452FFC5" w:rsidR="005B3B72" w:rsidRPr="00FC3143" w:rsidRDefault="005B3B72" w:rsidP="00B50831">
      <w:pPr>
        <w:pStyle w:val="AuthorName"/>
        <w:tabs>
          <w:tab w:val="left" w:pos="90"/>
        </w:tabs>
        <w:jc w:val="left"/>
        <w:rPr>
          <w:rFonts w:asciiTheme="majorBidi" w:hAnsiTheme="majorBidi" w:cstheme="majorBidi"/>
          <w:szCs w:val="28"/>
          <w:lang w:val="en-GB" w:eastAsia="en-GB"/>
        </w:rPr>
      </w:pPr>
      <w:r w:rsidRPr="00FC3143">
        <w:rPr>
          <w:rFonts w:asciiTheme="majorBidi" w:hAnsiTheme="majorBidi" w:cstheme="majorBidi"/>
          <w:szCs w:val="28"/>
        </w:rPr>
        <w:t xml:space="preserve">                      Zinah Abdulateef Abbas</w:t>
      </w:r>
      <w:r w:rsidR="00C51CDC" w:rsidRPr="00FC3143">
        <w:rPr>
          <w:rFonts w:asciiTheme="majorBidi" w:hAnsiTheme="majorBidi" w:cstheme="majorBidi"/>
          <w:szCs w:val="28"/>
          <w:vertAlign w:val="superscript"/>
        </w:rPr>
        <w:t>1,</w:t>
      </w:r>
      <w:r w:rsidR="00823D52">
        <w:rPr>
          <w:rFonts w:asciiTheme="majorBidi" w:hAnsiTheme="majorBidi" w:cstheme="majorBidi"/>
          <w:szCs w:val="28"/>
          <w:vertAlign w:val="superscript"/>
        </w:rPr>
        <w:t xml:space="preserve"> </w:t>
      </w:r>
      <w:r w:rsidR="00C51CDC" w:rsidRPr="00FC3143">
        <w:rPr>
          <w:rFonts w:asciiTheme="majorBidi" w:hAnsiTheme="majorBidi" w:cstheme="majorBidi"/>
          <w:szCs w:val="28"/>
          <w:vertAlign w:val="superscript"/>
        </w:rPr>
        <w:t>a)</w:t>
      </w:r>
      <w:r w:rsidR="00C51CDC" w:rsidRPr="00FC3143">
        <w:rPr>
          <w:rFonts w:asciiTheme="majorBidi" w:hAnsiTheme="majorBidi" w:cstheme="majorBidi"/>
          <w:szCs w:val="28"/>
        </w:rPr>
        <w:t xml:space="preserve"> </w:t>
      </w:r>
      <w:r w:rsidR="0038683A">
        <w:rPr>
          <w:rFonts w:asciiTheme="majorBidi" w:hAnsiTheme="majorBidi" w:cstheme="majorBidi"/>
          <w:szCs w:val="28"/>
        </w:rPr>
        <w:t xml:space="preserve">and </w:t>
      </w:r>
      <w:r w:rsidR="00C51CDC" w:rsidRPr="00FC3143">
        <w:rPr>
          <w:rFonts w:asciiTheme="majorBidi" w:hAnsiTheme="majorBidi" w:cstheme="majorBidi"/>
          <w:szCs w:val="28"/>
        </w:rPr>
        <w:t>Seham</w:t>
      </w:r>
      <w:r w:rsidRPr="00FC3143">
        <w:rPr>
          <w:rFonts w:asciiTheme="majorBidi" w:hAnsiTheme="majorBidi" w:cstheme="majorBidi"/>
          <w:szCs w:val="28"/>
        </w:rPr>
        <w:t xml:space="preserve"> Hassan Salman</w:t>
      </w:r>
      <w:r w:rsidRPr="00FC3143">
        <w:rPr>
          <w:rFonts w:asciiTheme="majorBidi" w:hAnsiTheme="majorBidi" w:cstheme="majorBidi"/>
          <w:szCs w:val="28"/>
          <w:vertAlign w:val="superscript"/>
          <w:rtl/>
        </w:rPr>
        <w:t>2</w:t>
      </w:r>
      <w:r w:rsidR="00C51CDC" w:rsidRPr="00FC3143">
        <w:rPr>
          <w:rFonts w:asciiTheme="majorBidi" w:hAnsiTheme="majorBidi" w:cstheme="majorBidi"/>
          <w:szCs w:val="28"/>
          <w:vertAlign w:val="superscript"/>
        </w:rPr>
        <w:t>, b)</w:t>
      </w:r>
      <w:r w:rsidRPr="00FC3143">
        <w:rPr>
          <w:rFonts w:asciiTheme="majorBidi" w:hAnsiTheme="majorBidi" w:cstheme="majorBidi"/>
          <w:szCs w:val="28"/>
          <w:vertAlign w:val="superscript"/>
        </w:rPr>
        <w:t xml:space="preserve"> </w:t>
      </w:r>
    </w:p>
    <w:p w14:paraId="6EF8D938" w14:textId="6C155F8E" w:rsidR="005B3B72" w:rsidRPr="00E07F6D" w:rsidRDefault="005B3B72" w:rsidP="00B50831">
      <w:pPr>
        <w:pStyle w:val="AuthorAffiliation"/>
        <w:tabs>
          <w:tab w:val="left" w:pos="90"/>
        </w:tabs>
        <w:rPr>
          <w:rFonts w:asciiTheme="majorBidi" w:hAnsiTheme="majorBidi" w:cstheme="majorBidi"/>
        </w:rPr>
      </w:pPr>
      <w:r w:rsidRPr="00E07F6D">
        <w:rPr>
          <w:rFonts w:asciiTheme="majorBidi" w:hAnsiTheme="majorBidi" w:cstheme="majorBidi"/>
          <w:vertAlign w:val="superscript"/>
        </w:rPr>
        <w:t xml:space="preserve"> 1</w:t>
      </w:r>
      <w:r w:rsidRPr="00E07F6D">
        <w:rPr>
          <w:rFonts w:asciiTheme="majorBidi" w:hAnsiTheme="majorBidi" w:cstheme="majorBidi"/>
        </w:rPr>
        <w:t>Al-Nahrain Research Center for Renewable Energy, AL-Nahrain University, Jadriya, Baghdad 10072, Iraq</w:t>
      </w:r>
      <w:r w:rsidR="00E07F6D" w:rsidRPr="00E07F6D">
        <w:rPr>
          <w:rFonts w:asciiTheme="majorBidi" w:hAnsiTheme="majorBidi" w:cstheme="majorBidi"/>
        </w:rPr>
        <w:t>.</w:t>
      </w:r>
    </w:p>
    <w:p w14:paraId="5EE75785" w14:textId="0268F23C" w:rsidR="00E07F6D" w:rsidRPr="00E07F6D" w:rsidRDefault="005B3B72" w:rsidP="00B50831">
      <w:pPr>
        <w:tabs>
          <w:tab w:val="left" w:pos="90"/>
        </w:tabs>
        <w:spacing w:after="0" w:line="240" w:lineRule="auto"/>
        <w:jc w:val="center"/>
        <w:rPr>
          <w:rFonts w:asciiTheme="majorBidi" w:hAnsiTheme="majorBidi" w:cstheme="majorBidi"/>
          <w:i/>
          <w:sz w:val="20"/>
          <w:szCs w:val="20"/>
        </w:rPr>
      </w:pPr>
      <w:r w:rsidRPr="00E07F6D">
        <w:rPr>
          <w:rFonts w:asciiTheme="majorBidi" w:hAnsiTheme="majorBidi" w:cstheme="majorBidi"/>
          <w:i/>
          <w:sz w:val="20"/>
          <w:szCs w:val="20"/>
          <w:vertAlign w:val="superscript"/>
        </w:rPr>
        <w:t>2</w:t>
      </w:r>
      <w:r w:rsidRPr="00E07F6D">
        <w:rPr>
          <w:rFonts w:asciiTheme="majorBidi" w:hAnsiTheme="majorBidi" w:cstheme="majorBidi"/>
          <w:i/>
          <w:sz w:val="20"/>
          <w:szCs w:val="20"/>
        </w:rPr>
        <w:t xml:space="preserve">Department of </w:t>
      </w:r>
      <w:r w:rsidR="00914BF7">
        <w:rPr>
          <w:rFonts w:asciiTheme="majorBidi" w:hAnsiTheme="majorBidi" w:cstheme="majorBidi"/>
          <w:i/>
          <w:sz w:val="20"/>
          <w:szCs w:val="20"/>
        </w:rPr>
        <w:t>Physics</w:t>
      </w:r>
      <w:r w:rsidRPr="00E07F6D">
        <w:rPr>
          <w:rFonts w:asciiTheme="majorBidi" w:hAnsiTheme="majorBidi" w:cstheme="majorBidi"/>
          <w:i/>
          <w:sz w:val="20"/>
          <w:szCs w:val="20"/>
        </w:rPr>
        <w:t>, College of Education for Pure Science / Ibn Al-Haitham, University of Baghdad, Baghdad, Iraq</w:t>
      </w:r>
      <w:r w:rsidR="00E07F6D" w:rsidRPr="00E07F6D">
        <w:rPr>
          <w:rFonts w:asciiTheme="majorBidi" w:hAnsiTheme="majorBidi" w:cstheme="majorBidi"/>
          <w:i/>
          <w:sz w:val="20"/>
          <w:szCs w:val="20"/>
        </w:rPr>
        <w:t>.</w:t>
      </w:r>
    </w:p>
    <w:p w14:paraId="44F07470" w14:textId="4F85E678" w:rsidR="00FD69EB" w:rsidRPr="00E07F6D" w:rsidRDefault="005B3B72" w:rsidP="00B50831">
      <w:pPr>
        <w:tabs>
          <w:tab w:val="left" w:pos="90"/>
        </w:tabs>
        <w:spacing w:after="0" w:line="240" w:lineRule="auto"/>
        <w:jc w:val="center"/>
        <w:rPr>
          <w:rFonts w:asciiTheme="majorBidi" w:hAnsiTheme="majorBidi" w:cstheme="majorBidi"/>
          <w:i/>
          <w:sz w:val="20"/>
          <w:szCs w:val="20"/>
        </w:rPr>
      </w:pPr>
      <w:r w:rsidRPr="00E07F6D">
        <w:rPr>
          <w:rFonts w:asciiTheme="majorBidi" w:hAnsiTheme="majorBidi" w:cstheme="majorBidi"/>
          <w:i/>
          <w:sz w:val="20"/>
          <w:szCs w:val="20"/>
        </w:rPr>
        <w:br/>
      </w:r>
      <w:r w:rsidRPr="00E07F6D">
        <w:rPr>
          <w:rFonts w:asciiTheme="majorBidi" w:hAnsiTheme="majorBidi" w:cstheme="majorBidi"/>
          <w:i/>
          <w:sz w:val="20"/>
          <w:szCs w:val="20"/>
          <w:vertAlign w:val="superscript"/>
        </w:rPr>
        <w:t>a)</w:t>
      </w:r>
      <w:r w:rsidR="00823D52" w:rsidRPr="00E07F6D">
        <w:rPr>
          <w:rFonts w:asciiTheme="majorBidi" w:hAnsiTheme="majorBidi" w:cstheme="majorBidi"/>
          <w:i/>
          <w:sz w:val="20"/>
          <w:szCs w:val="20"/>
          <w:vertAlign w:val="superscript"/>
        </w:rPr>
        <w:t xml:space="preserve"> </w:t>
      </w:r>
      <w:r w:rsidR="00823D52" w:rsidRPr="00E07F6D">
        <w:rPr>
          <w:rFonts w:asciiTheme="majorBidi" w:hAnsiTheme="majorBidi" w:cstheme="majorBidi"/>
          <w:i/>
          <w:sz w:val="20"/>
          <w:szCs w:val="20"/>
        </w:rPr>
        <w:t>Corresponding author:</w:t>
      </w:r>
      <w:r w:rsidRPr="00E07F6D">
        <w:rPr>
          <w:rFonts w:asciiTheme="majorBidi" w:hAnsiTheme="majorBidi" w:cstheme="majorBidi"/>
          <w:i/>
          <w:sz w:val="20"/>
          <w:szCs w:val="20"/>
        </w:rPr>
        <w:t xml:space="preserve"> </w:t>
      </w:r>
      <w:r w:rsidR="00FD69EB" w:rsidRPr="00E07F6D">
        <w:rPr>
          <w:rFonts w:asciiTheme="majorBidi" w:hAnsiTheme="majorBidi" w:cstheme="majorBidi"/>
          <w:i/>
          <w:sz w:val="20"/>
          <w:szCs w:val="20"/>
        </w:rPr>
        <w:t>zinah.a.a@nahrainuniv.edu.iq</w:t>
      </w:r>
    </w:p>
    <w:p w14:paraId="274631E9" w14:textId="00357428" w:rsidR="00C51CDC" w:rsidRPr="00E07F6D" w:rsidRDefault="00C51CDC" w:rsidP="00B50831">
      <w:pPr>
        <w:tabs>
          <w:tab w:val="left" w:pos="90"/>
        </w:tabs>
        <w:spacing w:after="0" w:line="240" w:lineRule="auto"/>
        <w:jc w:val="center"/>
        <w:rPr>
          <w:rFonts w:asciiTheme="majorBidi" w:hAnsiTheme="majorBidi" w:cstheme="majorBidi"/>
          <w:i/>
          <w:sz w:val="20"/>
          <w:szCs w:val="20"/>
        </w:rPr>
      </w:pPr>
      <w:r w:rsidRPr="00E07F6D">
        <w:rPr>
          <w:rFonts w:asciiTheme="majorBidi" w:hAnsiTheme="majorBidi" w:cstheme="majorBidi"/>
          <w:i/>
          <w:sz w:val="20"/>
          <w:szCs w:val="20"/>
          <w:vertAlign w:val="superscript"/>
        </w:rPr>
        <w:t>b)</w:t>
      </w:r>
      <w:r w:rsidRPr="00E07F6D">
        <w:rPr>
          <w:rFonts w:asciiTheme="majorBidi" w:hAnsiTheme="majorBidi" w:cstheme="majorBidi"/>
          <w:i/>
          <w:sz w:val="20"/>
          <w:szCs w:val="20"/>
        </w:rPr>
        <w:t xml:space="preserve"> </w:t>
      </w:r>
      <w:r w:rsidR="00FD69EB" w:rsidRPr="00E07F6D">
        <w:rPr>
          <w:rFonts w:asciiTheme="majorBidi" w:hAnsiTheme="majorBidi" w:cstheme="majorBidi"/>
          <w:i/>
          <w:sz w:val="20"/>
          <w:szCs w:val="20"/>
        </w:rPr>
        <w:t>seham.h.s@ihcoedu.uobaghdad.edu.iq</w:t>
      </w:r>
    </w:p>
    <w:p w14:paraId="251E5772" w14:textId="77777777" w:rsidR="00FD69EB" w:rsidRPr="00FC3143" w:rsidRDefault="00FD69EB" w:rsidP="00B50831">
      <w:pPr>
        <w:tabs>
          <w:tab w:val="left" w:pos="90"/>
        </w:tabs>
        <w:spacing w:after="0" w:line="240" w:lineRule="auto"/>
        <w:jc w:val="center"/>
        <w:rPr>
          <w:rFonts w:asciiTheme="majorBidi" w:hAnsiTheme="majorBidi" w:cstheme="majorBidi"/>
          <w:b/>
          <w:bCs/>
          <w:sz w:val="20"/>
          <w:szCs w:val="20"/>
        </w:rPr>
      </w:pPr>
    </w:p>
    <w:p w14:paraId="698BFDF4" w14:textId="1E1FB58C" w:rsidR="0031447B" w:rsidRPr="00BB70F8" w:rsidRDefault="00C51CDC" w:rsidP="00B50831">
      <w:pPr>
        <w:tabs>
          <w:tab w:val="left" w:pos="90"/>
        </w:tabs>
        <w:spacing w:line="240" w:lineRule="auto"/>
        <w:jc w:val="both"/>
        <w:rPr>
          <w:rFonts w:asciiTheme="majorBidi" w:hAnsiTheme="majorBidi" w:cstheme="majorBidi"/>
          <w:b/>
          <w:bCs/>
          <w:sz w:val="18"/>
          <w:szCs w:val="18"/>
        </w:rPr>
      </w:pPr>
      <w:r w:rsidRPr="00BB70F8">
        <w:rPr>
          <w:rFonts w:asciiTheme="majorBidi" w:hAnsiTheme="majorBidi" w:cstheme="majorBidi"/>
          <w:b/>
          <w:bCs/>
          <w:sz w:val="18"/>
          <w:szCs w:val="18"/>
        </w:rPr>
        <w:t xml:space="preserve">ABSTRACT: </w:t>
      </w:r>
      <w:r w:rsidR="00665781" w:rsidRPr="00BB70F8">
        <w:rPr>
          <w:rFonts w:asciiTheme="majorBidi" w:hAnsiTheme="majorBidi" w:cstheme="majorBidi"/>
          <w:sz w:val="18"/>
          <w:szCs w:val="18"/>
        </w:rPr>
        <w:t>Tin (Sn) films with a thickness of</w:t>
      </w:r>
      <w:r w:rsidR="00823D52">
        <w:rPr>
          <w:rFonts w:asciiTheme="majorBidi" w:hAnsiTheme="majorBidi" w:cstheme="majorBidi"/>
          <w:sz w:val="18"/>
          <w:szCs w:val="18"/>
        </w:rPr>
        <w:t xml:space="preserve"> </w:t>
      </w:r>
      <w:r w:rsidR="008231EF">
        <w:rPr>
          <w:rFonts w:asciiTheme="majorBidi" w:hAnsiTheme="majorBidi" w:cstheme="majorBidi"/>
          <w:sz w:val="18"/>
          <w:szCs w:val="18"/>
        </w:rPr>
        <w:t>(</w:t>
      </w:r>
      <w:r w:rsidR="00665781" w:rsidRPr="00BB70F8">
        <w:rPr>
          <w:rFonts w:asciiTheme="majorBidi" w:hAnsiTheme="majorBidi" w:cstheme="majorBidi"/>
          <w:sz w:val="18"/>
          <w:szCs w:val="18"/>
        </w:rPr>
        <w:t>400</w:t>
      </w:r>
      <m:oMath>
        <m:r>
          <w:rPr>
            <w:rFonts w:ascii="Cambria Math" w:hAnsi="Cambria Math" w:cstheme="majorBidi"/>
            <w:sz w:val="18"/>
            <w:szCs w:val="18"/>
          </w:rPr>
          <m:t>±20)</m:t>
        </m:r>
      </m:oMath>
      <w:r w:rsidR="00665781" w:rsidRPr="00BB70F8">
        <w:rPr>
          <w:rFonts w:asciiTheme="majorBidi" w:hAnsiTheme="majorBidi" w:cstheme="majorBidi"/>
          <w:sz w:val="18"/>
          <w:szCs w:val="18"/>
        </w:rPr>
        <w:t xml:space="preserve"> nm were prepared by </w:t>
      </w:r>
      <w:r w:rsidR="00914BF7">
        <w:rPr>
          <w:rFonts w:asciiTheme="majorBidi" w:hAnsiTheme="majorBidi" w:cstheme="majorBidi"/>
          <w:sz w:val="18"/>
          <w:szCs w:val="18"/>
        </w:rPr>
        <w:t xml:space="preserve">the </w:t>
      </w:r>
      <w:r w:rsidR="00665781" w:rsidRPr="00BB70F8">
        <w:rPr>
          <w:rFonts w:asciiTheme="majorBidi" w:hAnsiTheme="majorBidi" w:cstheme="majorBidi"/>
          <w:sz w:val="18"/>
          <w:szCs w:val="18"/>
        </w:rPr>
        <w:t>thermal evaporation method, and the samples were then oxidized at 300 and 400 °C. X-ray diffraction was used to study the crystal structure and phase of the film before and after oxidation. The surface morphology was examined by AFM, and the optical properties were analyzed by spectroscopy in the wavelength range of 300-1100 nm. It was observed that the maximum transmittance was less than 70%, and the energy gap increased with increasing oxidation temperature. The film oxidized at 400 °C was tested for H</w:t>
      </w:r>
      <w:r w:rsidR="00665781" w:rsidRPr="005147BE">
        <w:rPr>
          <w:rFonts w:asciiTheme="majorBidi" w:hAnsiTheme="majorBidi" w:cstheme="majorBidi"/>
          <w:sz w:val="18"/>
          <w:szCs w:val="18"/>
          <w:vertAlign w:val="subscript"/>
        </w:rPr>
        <w:t>2</w:t>
      </w:r>
      <w:r w:rsidR="00665781" w:rsidRPr="00BB70F8">
        <w:rPr>
          <w:rFonts w:asciiTheme="majorBidi" w:hAnsiTheme="majorBidi" w:cstheme="majorBidi"/>
          <w:sz w:val="18"/>
          <w:szCs w:val="18"/>
        </w:rPr>
        <w:t>S gas sensing when the film was exposed to different temperatures and a fixed concentration (20</w:t>
      </w:r>
      <w:r w:rsidR="005147BE">
        <w:rPr>
          <w:rFonts w:asciiTheme="majorBidi" w:hAnsiTheme="majorBidi" w:cstheme="majorBidi"/>
          <w:sz w:val="18"/>
          <w:szCs w:val="18"/>
        </w:rPr>
        <w:t>ppm</w:t>
      </w:r>
      <w:r w:rsidR="00665781" w:rsidRPr="00BB70F8">
        <w:rPr>
          <w:rFonts w:asciiTheme="majorBidi" w:hAnsiTheme="majorBidi" w:cstheme="majorBidi"/>
          <w:sz w:val="18"/>
          <w:szCs w:val="18"/>
        </w:rPr>
        <w:t>). It was found that the sensitivity increased with increasing temperature, with the highest sensitivity being 0.806, the response time being 22.5 seconds, and the recovery time being 49.5 seconds at 200 °C.</w:t>
      </w:r>
    </w:p>
    <w:p w14:paraId="51B476FD" w14:textId="5013CC6C" w:rsidR="002E4753" w:rsidRPr="00BB70F8" w:rsidRDefault="0031447B" w:rsidP="00B50831">
      <w:pPr>
        <w:tabs>
          <w:tab w:val="left" w:pos="90"/>
        </w:tabs>
        <w:spacing w:after="0" w:line="240" w:lineRule="auto"/>
        <w:rPr>
          <w:rFonts w:asciiTheme="majorBidi" w:hAnsiTheme="majorBidi" w:cstheme="majorBidi"/>
          <w:sz w:val="18"/>
          <w:szCs w:val="18"/>
        </w:rPr>
      </w:pPr>
      <w:r w:rsidRPr="00BB70F8">
        <w:rPr>
          <w:rFonts w:asciiTheme="majorBidi" w:hAnsiTheme="majorBidi" w:cstheme="majorBidi"/>
          <w:b/>
          <w:bCs/>
          <w:sz w:val="18"/>
          <w:szCs w:val="18"/>
        </w:rPr>
        <w:t>Keywords:</w:t>
      </w:r>
      <w:r w:rsidRPr="00BB70F8">
        <w:rPr>
          <w:rFonts w:asciiTheme="majorBidi" w:hAnsiTheme="majorBidi" w:cstheme="majorBidi"/>
          <w:sz w:val="18"/>
          <w:szCs w:val="18"/>
        </w:rPr>
        <w:t xml:space="preserve"> </w:t>
      </w:r>
      <w:r w:rsidR="00CD2760" w:rsidRPr="00E07F6D">
        <w:rPr>
          <w:rFonts w:asciiTheme="majorBidi" w:hAnsiTheme="majorBidi" w:cstheme="majorBidi"/>
          <w:sz w:val="18"/>
          <w:szCs w:val="18"/>
        </w:rPr>
        <w:t>SnO</w:t>
      </w:r>
      <w:r w:rsidR="00E07F6D">
        <w:rPr>
          <w:rFonts w:asciiTheme="majorBidi" w:hAnsiTheme="majorBidi" w:cstheme="majorBidi"/>
          <w:sz w:val="18"/>
          <w:szCs w:val="18"/>
        </w:rPr>
        <w:t>;</w:t>
      </w:r>
      <w:r w:rsidR="00B143FF" w:rsidRPr="00E07F6D">
        <w:rPr>
          <w:rFonts w:asciiTheme="majorBidi" w:hAnsiTheme="majorBidi" w:cstheme="majorBidi"/>
          <w:sz w:val="18"/>
          <w:szCs w:val="18"/>
        </w:rPr>
        <w:t xml:space="preserve"> </w:t>
      </w:r>
      <w:r w:rsidRPr="00E07F6D">
        <w:rPr>
          <w:rFonts w:asciiTheme="majorBidi" w:hAnsiTheme="majorBidi" w:cstheme="majorBidi"/>
          <w:sz w:val="18"/>
          <w:szCs w:val="18"/>
        </w:rPr>
        <w:t>film</w:t>
      </w:r>
      <w:r w:rsidR="00823D52" w:rsidRPr="00E07F6D">
        <w:rPr>
          <w:rFonts w:asciiTheme="majorBidi" w:hAnsiTheme="majorBidi" w:cstheme="majorBidi"/>
          <w:sz w:val="18"/>
          <w:szCs w:val="18"/>
        </w:rPr>
        <w:t>s</w:t>
      </w:r>
      <w:r w:rsidR="00FD69EB" w:rsidRPr="00E07F6D">
        <w:rPr>
          <w:rFonts w:asciiTheme="majorBidi" w:hAnsiTheme="majorBidi" w:cstheme="majorBidi"/>
          <w:sz w:val="18"/>
          <w:szCs w:val="18"/>
        </w:rPr>
        <w:t>:</w:t>
      </w:r>
      <w:r w:rsidR="00823D52" w:rsidRPr="00E07F6D">
        <w:rPr>
          <w:rFonts w:asciiTheme="majorBidi" w:hAnsiTheme="majorBidi" w:cstheme="majorBidi"/>
          <w:sz w:val="18"/>
          <w:szCs w:val="18"/>
        </w:rPr>
        <w:t xml:space="preserve"> </w:t>
      </w:r>
      <w:r w:rsidR="006317BE" w:rsidRPr="00E07F6D">
        <w:rPr>
          <w:rFonts w:asciiTheme="majorBidi" w:hAnsiTheme="majorBidi" w:cstheme="majorBidi"/>
          <w:sz w:val="18"/>
          <w:szCs w:val="18"/>
        </w:rPr>
        <w:t>sensing</w:t>
      </w:r>
      <w:r w:rsidRPr="00E07F6D">
        <w:rPr>
          <w:rFonts w:asciiTheme="majorBidi" w:hAnsiTheme="majorBidi" w:cstheme="majorBidi"/>
          <w:sz w:val="18"/>
          <w:szCs w:val="18"/>
        </w:rPr>
        <w:t xml:space="preserve"> properties;</w:t>
      </w:r>
      <w:r w:rsidR="00480F21" w:rsidRPr="00E07F6D">
        <w:rPr>
          <w:rFonts w:asciiTheme="majorBidi" w:hAnsiTheme="majorBidi" w:cstheme="majorBidi"/>
          <w:sz w:val="18"/>
          <w:szCs w:val="18"/>
        </w:rPr>
        <w:t xml:space="preserve"> H2S gas</w:t>
      </w:r>
      <w:r w:rsidRPr="00E07F6D">
        <w:rPr>
          <w:rFonts w:asciiTheme="majorBidi" w:hAnsiTheme="majorBidi" w:cstheme="majorBidi"/>
          <w:sz w:val="18"/>
          <w:szCs w:val="18"/>
        </w:rPr>
        <w:t>.</w:t>
      </w:r>
    </w:p>
    <w:p w14:paraId="13459A8F" w14:textId="77777777" w:rsidR="0031447B" w:rsidRPr="002E644C" w:rsidRDefault="005B3B72" w:rsidP="00B50831">
      <w:pPr>
        <w:tabs>
          <w:tab w:val="left" w:pos="90"/>
        </w:tabs>
        <w:spacing w:before="240" w:after="240" w:line="240" w:lineRule="auto"/>
        <w:jc w:val="center"/>
        <w:rPr>
          <w:rFonts w:asciiTheme="majorBidi" w:hAnsiTheme="majorBidi" w:cstheme="majorBidi"/>
          <w:b/>
          <w:bCs/>
          <w:sz w:val="24"/>
          <w:szCs w:val="24"/>
        </w:rPr>
      </w:pPr>
      <w:r w:rsidRPr="002E644C">
        <w:rPr>
          <w:rFonts w:asciiTheme="majorBidi" w:hAnsiTheme="majorBidi" w:cstheme="majorBidi"/>
          <w:b/>
          <w:bCs/>
          <w:sz w:val="24"/>
          <w:szCs w:val="24"/>
        </w:rPr>
        <w:t>INTRODUCTION</w:t>
      </w:r>
    </w:p>
    <w:p w14:paraId="500BE67F" w14:textId="4401DFC7" w:rsidR="00A30E86" w:rsidRPr="00FC3143" w:rsidRDefault="00946CC8" w:rsidP="00B50831">
      <w:pPr>
        <w:tabs>
          <w:tab w:val="left" w:pos="90"/>
        </w:tabs>
        <w:spacing w:after="0" w:line="240" w:lineRule="auto"/>
        <w:ind w:firstLine="284"/>
        <w:jc w:val="both"/>
        <w:rPr>
          <w:rFonts w:asciiTheme="majorBidi" w:hAnsiTheme="majorBidi" w:cstheme="majorBidi"/>
          <w:sz w:val="20"/>
          <w:szCs w:val="20"/>
          <w:rtl/>
        </w:rPr>
      </w:pPr>
      <w:r w:rsidRPr="00FC3143">
        <w:rPr>
          <w:rFonts w:asciiTheme="majorBidi" w:hAnsiTheme="majorBidi" w:cstheme="majorBidi"/>
          <w:sz w:val="20"/>
          <w:szCs w:val="20"/>
        </w:rPr>
        <w:t xml:space="preserve">Known transparent semiconductor oxides exhibit both n-type and p-type conductivity. P-type transparent semiconductor oxides are few in number and perform less well than their n-type counterparts. In most p-type oxide semiconductors, the valence band arises from highly oriented oxygen p </w:t>
      </w:r>
      <w:r w:rsidR="00BB2B95" w:rsidRPr="00FC3143">
        <w:rPr>
          <w:rFonts w:asciiTheme="majorBidi" w:hAnsiTheme="majorBidi" w:cstheme="majorBidi"/>
          <w:sz w:val="20"/>
          <w:szCs w:val="20"/>
        </w:rPr>
        <w:t>o</w:t>
      </w:r>
      <w:r w:rsidRPr="00FC3143">
        <w:rPr>
          <w:rFonts w:asciiTheme="majorBidi" w:hAnsiTheme="majorBidi" w:cstheme="majorBidi"/>
          <w:sz w:val="20"/>
          <w:szCs w:val="20"/>
        </w:rPr>
        <w:t>rbitals, which severely restrict carrier transport in a slightly disordered structure [</w:t>
      </w:r>
      <w:r w:rsidR="0097346D" w:rsidRPr="00FC3143">
        <w:rPr>
          <w:rFonts w:asciiTheme="majorBidi" w:hAnsiTheme="majorBidi" w:cstheme="majorBidi"/>
          <w:sz w:val="20"/>
          <w:szCs w:val="20"/>
          <w:rtl/>
        </w:rPr>
        <w:t>1</w:t>
      </w:r>
      <w:r w:rsidRPr="00FC3143">
        <w:rPr>
          <w:rFonts w:asciiTheme="majorBidi" w:hAnsiTheme="majorBidi" w:cstheme="majorBidi"/>
          <w:sz w:val="20"/>
          <w:szCs w:val="20"/>
        </w:rPr>
        <w:t>]. However, in SnO, contributions from Sn 5s states near the top of the valence band significantly facilitate gap mobility and are therefore considered a suitable candidate for the development of oxide-based active electronic devices [</w:t>
      </w:r>
      <w:r w:rsidR="00965839" w:rsidRPr="00FC3143">
        <w:rPr>
          <w:rFonts w:asciiTheme="majorBidi" w:hAnsiTheme="majorBidi" w:cstheme="majorBidi"/>
          <w:sz w:val="20"/>
          <w:szCs w:val="20"/>
          <w:rtl/>
        </w:rPr>
        <w:t>2</w:t>
      </w:r>
      <w:r w:rsidRPr="00FC3143">
        <w:rPr>
          <w:rFonts w:asciiTheme="majorBidi" w:hAnsiTheme="majorBidi" w:cstheme="majorBidi"/>
          <w:sz w:val="20"/>
          <w:szCs w:val="20"/>
        </w:rPr>
        <w:t xml:space="preserve">]. </w:t>
      </w:r>
      <w:r w:rsidR="00A06D88" w:rsidRPr="00FC3143">
        <w:rPr>
          <w:rFonts w:asciiTheme="majorBidi" w:hAnsiTheme="majorBidi" w:cstheme="majorBidi"/>
          <w:sz w:val="20"/>
          <w:szCs w:val="20"/>
        </w:rPr>
        <w:t>Tin oxide (SnO) is a p-type material with an optical energy gap of approximately 2.7–2.9 eV and carrier mobility of approximately 7 cm²/V/s, so it is used in many applications including gas sensing, p-n diodes, transistors, and solar cells</w:t>
      </w:r>
      <w:r w:rsidR="00C51CDC" w:rsidRPr="00FC3143">
        <w:rPr>
          <w:rFonts w:asciiTheme="majorBidi" w:hAnsiTheme="majorBidi" w:cstheme="majorBidi"/>
          <w:sz w:val="20"/>
          <w:szCs w:val="20"/>
        </w:rPr>
        <w:t xml:space="preserve"> </w:t>
      </w:r>
      <w:r w:rsidR="00A06D88" w:rsidRPr="00FC3143">
        <w:rPr>
          <w:rFonts w:asciiTheme="majorBidi" w:hAnsiTheme="majorBidi" w:cstheme="majorBidi"/>
          <w:sz w:val="20"/>
          <w:szCs w:val="20"/>
        </w:rPr>
        <w:t>[3</w:t>
      </w:r>
      <w:r w:rsidR="00A06D88" w:rsidRPr="00FC3143">
        <w:rPr>
          <w:rFonts w:asciiTheme="majorBidi" w:hAnsiTheme="majorBidi" w:cstheme="majorBidi"/>
          <w:sz w:val="20"/>
          <w:szCs w:val="20"/>
          <w:rtl/>
        </w:rPr>
        <w:t>-</w:t>
      </w:r>
      <w:r w:rsidR="00A06D88" w:rsidRPr="00FC3143">
        <w:rPr>
          <w:rFonts w:asciiTheme="majorBidi" w:hAnsiTheme="majorBidi" w:cstheme="majorBidi"/>
          <w:sz w:val="20"/>
          <w:szCs w:val="20"/>
        </w:rPr>
        <w:t>4].</w:t>
      </w:r>
      <w:r w:rsidR="00C51CDC" w:rsidRPr="00FC3143">
        <w:rPr>
          <w:rFonts w:asciiTheme="majorBidi" w:hAnsiTheme="majorBidi" w:cstheme="majorBidi"/>
          <w:sz w:val="20"/>
          <w:szCs w:val="20"/>
        </w:rPr>
        <w:t xml:space="preserve"> </w:t>
      </w:r>
      <w:r w:rsidR="00E66C36" w:rsidRPr="00FC3143">
        <w:rPr>
          <w:rFonts w:asciiTheme="majorBidi" w:hAnsiTheme="majorBidi" w:cstheme="majorBidi"/>
          <w:sz w:val="20"/>
          <w:szCs w:val="20"/>
        </w:rPr>
        <w:t>Given the effects of H</w:t>
      </w:r>
      <w:r w:rsidR="00E66C36" w:rsidRPr="00FC3143">
        <w:rPr>
          <w:rFonts w:asciiTheme="majorBidi" w:hAnsiTheme="majorBidi" w:cstheme="majorBidi"/>
          <w:sz w:val="20"/>
          <w:szCs w:val="20"/>
          <w:vertAlign w:val="subscript"/>
        </w:rPr>
        <w:t>2</w:t>
      </w:r>
      <w:r w:rsidR="00E66C36" w:rsidRPr="00FC3143">
        <w:rPr>
          <w:rFonts w:asciiTheme="majorBidi" w:hAnsiTheme="majorBidi" w:cstheme="majorBidi"/>
          <w:sz w:val="20"/>
          <w:szCs w:val="20"/>
        </w:rPr>
        <w:t>S gas on humans, it must be detected and special sensors developed. This highly toxic gas has a foul odor similar to that of rotten eggs. It is produced by combustion processes, vehicle emissions, volcanic eruptions, and other processes. Submerged areas and salt mines are also major sources of H</w:t>
      </w:r>
      <w:r w:rsidR="00E66C36" w:rsidRPr="00FC3143">
        <w:rPr>
          <w:rFonts w:asciiTheme="majorBidi" w:hAnsiTheme="majorBidi" w:cstheme="majorBidi"/>
          <w:sz w:val="20"/>
          <w:szCs w:val="20"/>
          <w:vertAlign w:val="subscript"/>
        </w:rPr>
        <w:t>2</w:t>
      </w:r>
      <w:r w:rsidR="00E66C36" w:rsidRPr="00FC3143">
        <w:rPr>
          <w:rFonts w:asciiTheme="majorBidi" w:hAnsiTheme="majorBidi" w:cstheme="majorBidi"/>
          <w:sz w:val="20"/>
          <w:szCs w:val="20"/>
        </w:rPr>
        <w:t xml:space="preserve">S gas [5,6]. </w:t>
      </w:r>
      <w:r w:rsidR="00C0050F" w:rsidRPr="00FC3143">
        <w:rPr>
          <w:rFonts w:asciiTheme="majorBidi" w:hAnsiTheme="majorBidi" w:cstheme="majorBidi"/>
          <w:sz w:val="20"/>
          <w:szCs w:val="20"/>
        </w:rPr>
        <w:t xml:space="preserve">SnOx films can be fabricated using various techniques, and both pure and doped films are used to sense gases such as nitrogen dioxide [7], carbon monoxide [8-9], ethanol [10], </w:t>
      </w:r>
      <w:r w:rsidR="009B2C1C" w:rsidRPr="009B2C1C">
        <w:rPr>
          <w:rFonts w:asciiTheme="majorBidi" w:hAnsiTheme="majorBidi" w:cstheme="majorBidi"/>
          <w:sz w:val="20"/>
          <w:szCs w:val="20"/>
        </w:rPr>
        <w:t xml:space="preserve">methane </w:t>
      </w:r>
      <w:r w:rsidR="00C0050F" w:rsidRPr="00FC3143">
        <w:rPr>
          <w:rFonts w:asciiTheme="majorBidi" w:hAnsiTheme="majorBidi" w:cstheme="majorBidi"/>
          <w:sz w:val="20"/>
          <w:szCs w:val="20"/>
        </w:rPr>
        <w:t xml:space="preserve">[11], </w:t>
      </w:r>
      <w:r w:rsidR="003A2082" w:rsidRPr="00FC3143">
        <w:rPr>
          <w:rFonts w:asciiTheme="majorBidi" w:hAnsiTheme="majorBidi" w:cstheme="majorBidi"/>
          <w:sz w:val="20"/>
          <w:szCs w:val="20"/>
        </w:rPr>
        <w:t xml:space="preserve">hydrogen sulfide </w:t>
      </w:r>
      <w:r w:rsidR="00C0050F" w:rsidRPr="00FC3143">
        <w:rPr>
          <w:rFonts w:asciiTheme="majorBidi" w:hAnsiTheme="majorBidi" w:cstheme="majorBidi"/>
          <w:sz w:val="20"/>
          <w:szCs w:val="20"/>
        </w:rPr>
        <w:t>[5], ammonia [12-13].</w:t>
      </w:r>
      <w:r w:rsidR="00C51CDC" w:rsidRPr="00FC3143">
        <w:rPr>
          <w:rFonts w:asciiTheme="majorBidi" w:hAnsiTheme="majorBidi" w:cstheme="majorBidi"/>
          <w:sz w:val="20"/>
          <w:szCs w:val="20"/>
        </w:rPr>
        <w:t xml:space="preserve"> </w:t>
      </w:r>
      <w:r w:rsidR="005C7EC7" w:rsidRPr="00FC3143">
        <w:rPr>
          <w:rFonts w:asciiTheme="majorBidi" w:hAnsiTheme="majorBidi" w:cstheme="majorBidi"/>
          <w:sz w:val="20"/>
          <w:szCs w:val="20"/>
        </w:rPr>
        <w:t>In this paper, the possibility of obtaining tin oxide thin film phases using thermal evaporation and simple oxidation methods was investigated, and the physical properties of the deposited samples were examined</w:t>
      </w:r>
      <w:r w:rsidR="00A30E86" w:rsidRPr="00FC3143">
        <w:rPr>
          <w:rFonts w:asciiTheme="majorBidi" w:hAnsiTheme="majorBidi" w:cstheme="majorBidi"/>
          <w:sz w:val="20"/>
          <w:szCs w:val="20"/>
          <w:rtl/>
        </w:rPr>
        <w:t>.</w:t>
      </w:r>
      <w:r w:rsidR="003A2082" w:rsidRPr="00FC3143">
        <w:rPr>
          <w:rFonts w:asciiTheme="majorBidi" w:hAnsiTheme="majorBidi" w:cstheme="majorBidi"/>
          <w:sz w:val="20"/>
          <w:szCs w:val="20"/>
        </w:rPr>
        <w:t xml:space="preserve"> Finally, we fabricated a hydrogen sulfide gas sensor at a constant concentration and different operating temperatures.</w:t>
      </w:r>
    </w:p>
    <w:p w14:paraId="73967F42" w14:textId="2F30989E" w:rsidR="0031447B" w:rsidRPr="002E644C" w:rsidRDefault="005B3B72" w:rsidP="00B50831">
      <w:pPr>
        <w:tabs>
          <w:tab w:val="left" w:pos="90"/>
        </w:tabs>
        <w:spacing w:before="240" w:after="240" w:line="240" w:lineRule="auto"/>
        <w:jc w:val="center"/>
        <w:rPr>
          <w:rFonts w:asciiTheme="majorBidi" w:hAnsiTheme="majorBidi" w:cstheme="majorBidi"/>
          <w:b/>
          <w:bCs/>
          <w:sz w:val="24"/>
          <w:szCs w:val="24"/>
        </w:rPr>
      </w:pPr>
      <w:r w:rsidRPr="002E644C">
        <w:rPr>
          <w:rFonts w:asciiTheme="majorBidi" w:hAnsiTheme="majorBidi" w:cstheme="majorBidi"/>
          <w:b/>
          <w:bCs/>
          <w:sz w:val="24"/>
          <w:szCs w:val="24"/>
        </w:rPr>
        <w:t>EXPREMENTAL</w:t>
      </w:r>
    </w:p>
    <w:p w14:paraId="162EA2CE" w14:textId="31381424" w:rsidR="005C7EC7" w:rsidRPr="00FC3143" w:rsidRDefault="00740C4C" w:rsidP="00B50831">
      <w:pPr>
        <w:tabs>
          <w:tab w:val="left" w:pos="90"/>
        </w:tabs>
        <w:spacing w:after="0" w:line="240" w:lineRule="auto"/>
        <w:ind w:firstLine="284"/>
        <w:jc w:val="both"/>
        <w:rPr>
          <w:rFonts w:asciiTheme="majorBidi" w:hAnsiTheme="majorBidi" w:cstheme="majorBidi"/>
          <w:sz w:val="20"/>
          <w:szCs w:val="20"/>
        </w:rPr>
      </w:pPr>
      <w:r w:rsidRPr="00FC3143">
        <w:rPr>
          <w:rFonts w:asciiTheme="majorBidi" w:hAnsiTheme="majorBidi" w:cstheme="majorBidi"/>
          <w:sz w:val="20"/>
          <w:szCs w:val="20"/>
        </w:rPr>
        <w:t xml:space="preserve">Sn thin films were prepared by thermal evaporation technique. Sn metal were kept in the Mo boat. The vacuum chamber was evacuated with a two stage rotary pump followed by diffusion pump to a base vacuum of </w:t>
      </w:r>
      <w:r w:rsidR="00DF6573" w:rsidRPr="00FC3143">
        <w:rPr>
          <w:rFonts w:asciiTheme="majorBidi" w:hAnsiTheme="majorBidi" w:cstheme="majorBidi"/>
          <w:sz w:val="20"/>
          <w:szCs w:val="20"/>
        </w:rPr>
        <w:t>3</w:t>
      </w:r>
      <w:r w:rsidRPr="00FC3143">
        <w:rPr>
          <w:rFonts w:asciiTheme="majorBidi" w:hAnsiTheme="majorBidi" w:cstheme="majorBidi"/>
          <w:sz w:val="20"/>
          <w:szCs w:val="20"/>
        </w:rPr>
        <w:t xml:space="preserve"> × 10</w:t>
      </w:r>
      <w:r w:rsidRPr="00FC3143">
        <w:rPr>
          <w:rFonts w:asciiTheme="majorBidi" w:hAnsiTheme="majorBidi" w:cstheme="majorBidi"/>
          <w:sz w:val="20"/>
          <w:szCs w:val="20"/>
          <w:vertAlign w:val="superscript"/>
        </w:rPr>
        <w:t>-6</w:t>
      </w:r>
      <w:r w:rsidRPr="00FC3143">
        <w:rPr>
          <w:rFonts w:asciiTheme="majorBidi" w:hAnsiTheme="majorBidi" w:cstheme="majorBidi"/>
          <w:sz w:val="20"/>
          <w:szCs w:val="20"/>
        </w:rPr>
        <w:t xml:space="preserve"> Torr. Tin metal was evaporated on </w:t>
      </w:r>
      <w:r w:rsidR="00806A2E" w:rsidRPr="00FC3143">
        <w:rPr>
          <w:rFonts w:asciiTheme="majorBidi" w:hAnsiTheme="majorBidi" w:cstheme="majorBidi"/>
          <w:sz w:val="20"/>
          <w:szCs w:val="20"/>
        </w:rPr>
        <w:t>glass</w:t>
      </w:r>
      <w:r w:rsidRPr="00FC3143">
        <w:rPr>
          <w:rFonts w:asciiTheme="majorBidi" w:hAnsiTheme="majorBidi" w:cstheme="majorBidi"/>
          <w:sz w:val="20"/>
          <w:szCs w:val="20"/>
        </w:rPr>
        <w:t xml:space="preserve"> substrates (</w:t>
      </w:r>
      <w:r w:rsidR="00806A2E" w:rsidRPr="00FC3143">
        <w:rPr>
          <w:rFonts w:asciiTheme="majorBidi" w:hAnsiTheme="majorBidi" w:cstheme="majorBidi"/>
          <w:sz w:val="20"/>
          <w:szCs w:val="20"/>
        </w:rPr>
        <w:t>2*2</w:t>
      </w:r>
      <w:r w:rsidRPr="00FC3143">
        <w:rPr>
          <w:rFonts w:asciiTheme="majorBidi" w:hAnsiTheme="majorBidi" w:cstheme="majorBidi"/>
          <w:sz w:val="20"/>
          <w:szCs w:val="20"/>
        </w:rPr>
        <w:t xml:space="preserve"> cm) supplied by Carborundum Universal Ltd., Hosur, India) by resistive heating of Mo boat. </w:t>
      </w:r>
      <w:r w:rsidR="00AA6D62" w:rsidRPr="00FC3143">
        <w:rPr>
          <w:rFonts w:asciiTheme="majorBidi" w:hAnsiTheme="majorBidi" w:cstheme="majorBidi"/>
          <w:sz w:val="20"/>
          <w:szCs w:val="20"/>
        </w:rPr>
        <w:t>Substrates</w:t>
      </w:r>
      <w:r w:rsidRPr="00FC3143">
        <w:rPr>
          <w:rFonts w:asciiTheme="majorBidi" w:hAnsiTheme="majorBidi" w:cstheme="majorBidi"/>
          <w:sz w:val="20"/>
          <w:szCs w:val="20"/>
        </w:rPr>
        <w:t xml:space="preserve"> were kept at a temperature of </w:t>
      </w:r>
      <w:r w:rsidR="006E63F9" w:rsidRPr="00FC3143">
        <w:rPr>
          <w:rFonts w:asciiTheme="majorBidi" w:hAnsiTheme="majorBidi" w:cstheme="majorBidi"/>
          <w:sz w:val="20"/>
          <w:szCs w:val="20"/>
        </w:rPr>
        <w:t>4</w:t>
      </w:r>
      <w:r w:rsidRPr="00FC3143">
        <w:rPr>
          <w:rFonts w:asciiTheme="majorBidi" w:hAnsiTheme="majorBidi" w:cstheme="majorBidi"/>
          <w:sz w:val="20"/>
          <w:szCs w:val="20"/>
        </w:rPr>
        <w:t xml:space="preserve">00 </w:t>
      </w:r>
      <w:r w:rsidRPr="00FC3143">
        <w:rPr>
          <w:rFonts w:asciiTheme="majorBidi" w:hAnsiTheme="majorBidi" w:cstheme="majorBidi"/>
          <w:sz w:val="20"/>
          <w:szCs w:val="20"/>
          <w:vertAlign w:val="superscript"/>
        </w:rPr>
        <w:t>o</w:t>
      </w:r>
      <w:r w:rsidR="00C51CDC" w:rsidRPr="00FC3143">
        <w:rPr>
          <w:rFonts w:asciiTheme="majorBidi" w:hAnsiTheme="majorBidi" w:cstheme="majorBidi"/>
          <w:sz w:val="20"/>
          <w:szCs w:val="20"/>
          <w:vertAlign w:val="superscript"/>
        </w:rPr>
        <w:t xml:space="preserve"> </w:t>
      </w:r>
      <w:r w:rsidRPr="00FC3143">
        <w:rPr>
          <w:rFonts w:asciiTheme="majorBidi" w:hAnsiTheme="majorBidi" w:cstheme="majorBidi"/>
          <w:sz w:val="20"/>
          <w:szCs w:val="20"/>
        </w:rPr>
        <w:t>C during the deposition process. The deposition rate was kept in the range of 10</w:t>
      </w:r>
      <w:r w:rsidRPr="00FC3143">
        <w:rPr>
          <w:rFonts w:asciiTheme="majorBidi" w:hAnsiTheme="majorBidi" w:cstheme="majorBidi"/>
          <w:sz w:val="20"/>
          <w:szCs w:val="20"/>
          <w:vertAlign w:val="superscript"/>
        </w:rPr>
        <w:t>– 15</w:t>
      </w:r>
      <w:r w:rsidRPr="00FC3143">
        <w:rPr>
          <w:rFonts w:asciiTheme="majorBidi" w:hAnsiTheme="majorBidi" w:cstheme="majorBidi"/>
          <w:sz w:val="20"/>
          <w:szCs w:val="20"/>
        </w:rPr>
        <w:t xml:space="preserve"> Å s</w:t>
      </w:r>
      <w:r w:rsidRPr="00FC3143">
        <w:rPr>
          <w:rFonts w:asciiTheme="majorBidi" w:hAnsiTheme="majorBidi" w:cstheme="majorBidi"/>
          <w:sz w:val="20"/>
          <w:szCs w:val="20"/>
          <w:vertAlign w:val="superscript"/>
        </w:rPr>
        <w:t>-1</w:t>
      </w:r>
      <w:r w:rsidRPr="00FC3143">
        <w:rPr>
          <w:rFonts w:asciiTheme="majorBidi" w:hAnsiTheme="majorBidi" w:cstheme="majorBidi"/>
          <w:sz w:val="20"/>
          <w:szCs w:val="20"/>
        </w:rPr>
        <w:t xml:space="preserve">. Final thickness of the thin films was </w:t>
      </w:r>
      <w:r w:rsidR="00C20BC1" w:rsidRPr="00FC3143">
        <w:rPr>
          <w:rFonts w:asciiTheme="majorBidi" w:hAnsiTheme="majorBidi" w:cstheme="majorBidi"/>
          <w:sz w:val="20"/>
          <w:szCs w:val="20"/>
        </w:rPr>
        <w:t>400nm</w:t>
      </w:r>
      <w:r w:rsidRPr="00FC3143">
        <w:rPr>
          <w:rFonts w:asciiTheme="majorBidi" w:hAnsiTheme="majorBidi" w:cstheme="majorBidi"/>
          <w:sz w:val="20"/>
          <w:szCs w:val="20"/>
        </w:rPr>
        <w:t xml:space="preserve">. These thin film samples were </w:t>
      </w:r>
      <w:r w:rsidR="00C51CDC" w:rsidRPr="00FC3143">
        <w:rPr>
          <w:rFonts w:asciiTheme="majorBidi" w:hAnsiTheme="majorBidi" w:cstheme="majorBidi"/>
          <w:sz w:val="20"/>
          <w:szCs w:val="20"/>
        </w:rPr>
        <w:t>oxidation at</w:t>
      </w:r>
      <w:r w:rsidRPr="00FC3143">
        <w:rPr>
          <w:rFonts w:asciiTheme="majorBidi" w:hAnsiTheme="majorBidi" w:cstheme="majorBidi"/>
          <w:sz w:val="20"/>
          <w:szCs w:val="20"/>
        </w:rPr>
        <w:t xml:space="preserve"> temperatures in the range of </w:t>
      </w:r>
      <w:r w:rsidR="0086372A" w:rsidRPr="00FC3143">
        <w:rPr>
          <w:rFonts w:asciiTheme="majorBidi" w:hAnsiTheme="majorBidi" w:cstheme="majorBidi"/>
          <w:sz w:val="20"/>
          <w:szCs w:val="20"/>
        </w:rPr>
        <w:t>(300</w:t>
      </w:r>
      <w:r w:rsidRPr="00FC3143">
        <w:rPr>
          <w:rFonts w:asciiTheme="majorBidi" w:hAnsiTheme="majorBidi" w:cstheme="majorBidi"/>
          <w:sz w:val="20"/>
          <w:szCs w:val="20"/>
        </w:rPr>
        <w:t xml:space="preserve"> – </w:t>
      </w:r>
      <w:r w:rsidR="0086372A" w:rsidRPr="00FC3143">
        <w:rPr>
          <w:rFonts w:asciiTheme="majorBidi" w:hAnsiTheme="majorBidi" w:cstheme="majorBidi"/>
          <w:sz w:val="20"/>
          <w:szCs w:val="20"/>
        </w:rPr>
        <w:t>4</w:t>
      </w:r>
      <w:r w:rsidRPr="00FC3143">
        <w:rPr>
          <w:rFonts w:asciiTheme="majorBidi" w:hAnsiTheme="majorBidi" w:cstheme="majorBidi"/>
          <w:sz w:val="20"/>
          <w:szCs w:val="20"/>
        </w:rPr>
        <w:t>00</w:t>
      </w:r>
      <w:r w:rsidR="0086372A" w:rsidRPr="00FC3143">
        <w:rPr>
          <w:rFonts w:asciiTheme="majorBidi" w:hAnsiTheme="majorBidi" w:cstheme="majorBidi"/>
          <w:sz w:val="20"/>
          <w:szCs w:val="20"/>
        </w:rPr>
        <w:t>)</w:t>
      </w:r>
      <w:r w:rsidRPr="00FC3143">
        <w:rPr>
          <w:rFonts w:asciiTheme="majorBidi" w:hAnsiTheme="majorBidi" w:cstheme="majorBidi"/>
          <w:sz w:val="20"/>
          <w:szCs w:val="20"/>
        </w:rPr>
        <w:t xml:space="preserve"> </w:t>
      </w:r>
      <w:r w:rsidRPr="00FC3143">
        <w:rPr>
          <w:rFonts w:asciiTheme="majorBidi" w:hAnsiTheme="majorBidi" w:cstheme="majorBidi"/>
          <w:sz w:val="20"/>
          <w:szCs w:val="20"/>
          <w:vertAlign w:val="superscript"/>
        </w:rPr>
        <w:t>o</w:t>
      </w:r>
      <w:r w:rsidR="00C51CDC" w:rsidRPr="00FC3143">
        <w:rPr>
          <w:rFonts w:asciiTheme="majorBidi" w:hAnsiTheme="majorBidi" w:cstheme="majorBidi"/>
          <w:sz w:val="20"/>
          <w:szCs w:val="20"/>
          <w:vertAlign w:val="superscript"/>
        </w:rPr>
        <w:t xml:space="preserve"> </w:t>
      </w:r>
      <w:r w:rsidRPr="00FC3143">
        <w:rPr>
          <w:rFonts w:asciiTheme="majorBidi" w:hAnsiTheme="majorBidi" w:cstheme="majorBidi"/>
          <w:sz w:val="20"/>
          <w:szCs w:val="20"/>
        </w:rPr>
        <w:t xml:space="preserve">C under oxygen flowing for </w:t>
      </w:r>
      <w:r w:rsidR="0086372A" w:rsidRPr="00FC3143">
        <w:rPr>
          <w:rFonts w:asciiTheme="majorBidi" w:hAnsiTheme="majorBidi" w:cstheme="majorBidi"/>
          <w:sz w:val="20"/>
          <w:szCs w:val="20"/>
        </w:rPr>
        <w:t>1</w:t>
      </w:r>
      <w:r w:rsidRPr="00FC3143">
        <w:rPr>
          <w:rFonts w:asciiTheme="majorBidi" w:hAnsiTheme="majorBidi" w:cstheme="majorBidi"/>
          <w:sz w:val="20"/>
          <w:szCs w:val="20"/>
        </w:rPr>
        <w:t xml:space="preserve"> hours. </w:t>
      </w:r>
      <w:r w:rsidR="00DB455A" w:rsidRPr="00FC3143">
        <w:rPr>
          <w:rFonts w:asciiTheme="majorBidi" w:hAnsiTheme="majorBidi" w:cstheme="majorBidi"/>
          <w:sz w:val="20"/>
          <w:szCs w:val="20"/>
        </w:rPr>
        <w:t>Tin thin films were deposited by thermal evaporation technique. Tin metal was evaporated onto German-made glass substrates (2 × 2 cm), in a vacuum of (</w:t>
      </w:r>
      <w:r w:rsidR="00DB455A" w:rsidRPr="00FC3143">
        <w:rPr>
          <w:rFonts w:asciiTheme="majorBidi" w:hAnsiTheme="majorBidi" w:cstheme="majorBidi"/>
          <w:sz w:val="20"/>
          <w:szCs w:val="20"/>
          <w:rtl/>
        </w:rPr>
        <w:t>2</w:t>
      </w:r>
      <w:r w:rsidR="00DB455A" w:rsidRPr="00FC3143">
        <w:rPr>
          <w:rFonts w:asciiTheme="majorBidi" w:hAnsiTheme="majorBidi" w:cstheme="majorBidi"/>
          <w:sz w:val="20"/>
          <w:szCs w:val="20"/>
        </w:rPr>
        <w:t xml:space="preserve"> × 10</w:t>
      </w:r>
      <w:r w:rsidR="00DB455A" w:rsidRPr="00FC3143">
        <w:rPr>
          <w:rFonts w:asciiTheme="majorBidi" w:hAnsiTheme="majorBidi" w:cstheme="majorBidi"/>
          <w:sz w:val="20"/>
          <w:szCs w:val="20"/>
          <w:vertAlign w:val="superscript"/>
        </w:rPr>
        <w:t>-</w:t>
      </w:r>
      <w:r w:rsidR="00DB455A" w:rsidRPr="00FC3143">
        <w:rPr>
          <w:rFonts w:asciiTheme="majorBidi" w:hAnsiTheme="majorBidi" w:cstheme="majorBidi"/>
          <w:sz w:val="20"/>
          <w:szCs w:val="20"/>
          <w:vertAlign w:val="superscript"/>
          <w:rtl/>
        </w:rPr>
        <w:t>5</w:t>
      </w:r>
      <w:r w:rsidR="00DB455A" w:rsidRPr="00FC3143">
        <w:rPr>
          <w:rFonts w:asciiTheme="majorBidi" w:hAnsiTheme="majorBidi" w:cstheme="majorBidi"/>
          <w:sz w:val="20"/>
          <w:szCs w:val="20"/>
        </w:rPr>
        <w:t>)</w:t>
      </w:r>
      <w:r w:rsidR="00D272CF" w:rsidRPr="00FC3143">
        <w:rPr>
          <w:rFonts w:asciiTheme="majorBidi" w:hAnsiTheme="majorBidi" w:cstheme="majorBidi"/>
          <w:sz w:val="20"/>
          <w:szCs w:val="20"/>
        </w:rPr>
        <w:t xml:space="preserve"> </w:t>
      </w:r>
      <w:r w:rsidR="00C51CDC" w:rsidRPr="00FC3143">
        <w:rPr>
          <w:rFonts w:asciiTheme="majorBidi" w:hAnsiTheme="majorBidi" w:cstheme="majorBidi"/>
          <w:sz w:val="20"/>
          <w:szCs w:val="20"/>
        </w:rPr>
        <w:t>mbar by</w:t>
      </w:r>
      <w:r w:rsidR="00DB455A" w:rsidRPr="00FC3143">
        <w:rPr>
          <w:rFonts w:asciiTheme="majorBidi" w:hAnsiTheme="majorBidi" w:cstheme="majorBidi"/>
          <w:sz w:val="20"/>
          <w:szCs w:val="20"/>
        </w:rPr>
        <w:t xml:space="preserve"> resistively heating a molybdenum boat with a voltage of 60 V. The substrates were kept at a temperature of 4</w:t>
      </w:r>
      <w:r w:rsidR="00DB455A" w:rsidRPr="00FC3143">
        <w:rPr>
          <w:rFonts w:asciiTheme="majorBidi" w:hAnsiTheme="majorBidi" w:cstheme="majorBidi"/>
          <w:sz w:val="20"/>
          <w:szCs w:val="20"/>
          <w:rtl/>
        </w:rPr>
        <w:t>5</w:t>
      </w:r>
      <w:r w:rsidR="00DB455A" w:rsidRPr="00FC3143">
        <w:rPr>
          <w:rFonts w:asciiTheme="majorBidi" w:hAnsiTheme="majorBidi" w:cstheme="majorBidi"/>
          <w:sz w:val="20"/>
          <w:szCs w:val="20"/>
        </w:rPr>
        <w:t xml:space="preserve">0 °C during the deposition process. The deposition time was approximately </w:t>
      </w:r>
      <w:r w:rsidR="00DB455A" w:rsidRPr="00FC3143">
        <w:rPr>
          <w:rFonts w:asciiTheme="majorBidi" w:hAnsiTheme="majorBidi" w:cstheme="majorBidi"/>
          <w:sz w:val="20"/>
          <w:szCs w:val="20"/>
        </w:rPr>
        <w:lastRenderedPageBreak/>
        <w:t>11 minutes and the final thickness o</w:t>
      </w:r>
      <w:r w:rsidR="00835164">
        <w:rPr>
          <w:rFonts w:asciiTheme="majorBidi" w:hAnsiTheme="majorBidi" w:cstheme="majorBidi"/>
          <w:sz w:val="20"/>
          <w:szCs w:val="20"/>
        </w:rPr>
        <w:t xml:space="preserve">f the thin films reached </w:t>
      </w:r>
      <w:r w:rsidR="00A04522" w:rsidRPr="00A04522">
        <w:rPr>
          <w:rFonts w:asciiTheme="majorBidi" w:hAnsiTheme="majorBidi" w:cstheme="majorBidi"/>
          <w:sz w:val="20"/>
          <w:szCs w:val="20"/>
        </w:rPr>
        <w:t>400</w:t>
      </w:r>
      <w:r w:rsidR="00A04522" w:rsidRPr="00A04522">
        <w:rPr>
          <w:rFonts w:ascii="Cambria Math" w:hAnsi="Cambria Math" w:cs="Cambria Math"/>
          <w:sz w:val="20"/>
          <w:szCs w:val="20"/>
        </w:rPr>
        <w:t>⏇</w:t>
      </w:r>
      <w:r w:rsidR="00A04522" w:rsidRPr="00A04522">
        <w:rPr>
          <w:rFonts w:asciiTheme="majorBidi" w:hAnsiTheme="majorBidi" w:cstheme="majorBidi"/>
          <w:sz w:val="20"/>
          <w:szCs w:val="20"/>
        </w:rPr>
        <w:t>20 nm, as determined by the molecular weight and optical method</w:t>
      </w:r>
      <w:r w:rsidR="00835164">
        <w:rPr>
          <w:rFonts w:asciiTheme="majorBidi" w:hAnsiTheme="majorBidi" w:cstheme="majorBidi"/>
          <w:sz w:val="20"/>
          <w:szCs w:val="20"/>
        </w:rPr>
        <w:t>,</w:t>
      </w:r>
      <w:r w:rsidR="00DB455A" w:rsidRPr="00FC3143">
        <w:rPr>
          <w:rFonts w:asciiTheme="majorBidi" w:hAnsiTheme="majorBidi" w:cstheme="majorBidi"/>
          <w:sz w:val="20"/>
          <w:szCs w:val="20"/>
        </w:rPr>
        <w:t xml:space="preserve"> The second step was to oxidize the samples in an oven at temperatures of (300-400) °C in the presence of oxygen for an hour and then leave the samples to cool.</w:t>
      </w:r>
      <w:r w:rsidR="00C51CDC" w:rsidRPr="00FC3143">
        <w:rPr>
          <w:rFonts w:asciiTheme="majorBidi" w:hAnsiTheme="majorBidi" w:cstheme="majorBidi"/>
          <w:sz w:val="20"/>
          <w:szCs w:val="20"/>
        </w:rPr>
        <w:t xml:space="preserve"> C</w:t>
      </w:r>
      <w:r w:rsidR="00513B34" w:rsidRPr="00FC3143">
        <w:rPr>
          <w:rFonts w:asciiTheme="majorBidi" w:hAnsiTheme="majorBidi" w:cstheme="majorBidi"/>
          <w:sz w:val="20"/>
          <w:szCs w:val="20"/>
        </w:rPr>
        <w:t xml:space="preserve">rystal structure </w:t>
      </w:r>
      <w:r w:rsidR="00190AFD" w:rsidRPr="00FC3143">
        <w:rPr>
          <w:rFonts w:asciiTheme="majorBidi" w:hAnsiTheme="majorBidi" w:cstheme="majorBidi"/>
          <w:sz w:val="20"/>
          <w:szCs w:val="20"/>
        </w:rPr>
        <w:t xml:space="preserve">are studied </w:t>
      </w:r>
      <w:r w:rsidR="00513B34" w:rsidRPr="00FC3143">
        <w:rPr>
          <w:rFonts w:asciiTheme="majorBidi" w:hAnsiTheme="majorBidi" w:cstheme="majorBidi"/>
          <w:sz w:val="20"/>
          <w:szCs w:val="20"/>
        </w:rPr>
        <w:t xml:space="preserve">by (XRD) </w:t>
      </w:r>
      <w:r w:rsidR="00190AFD" w:rsidRPr="00FC3143">
        <w:rPr>
          <w:rFonts w:asciiTheme="majorBidi" w:hAnsiTheme="majorBidi" w:cstheme="majorBidi"/>
          <w:sz w:val="20"/>
          <w:szCs w:val="20"/>
        </w:rPr>
        <w:t xml:space="preserve">and </w:t>
      </w:r>
      <w:r w:rsidR="00726FFC" w:rsidRPr="00FC3143">
        <w:rPr>
          <w:rFonts w:asciiTheme="majorBidi" w:hAnsiTheme="majorBidi" w:cstheme="majorBidi"/>
          <w:sz w:val="20"/>
          <w:szCs w:val="20"/>
        </w:rPr>
        <w:t>AFM.</w:t>
      </w:r>
      <w:r w:rsidR="00C51CDC" w:rsidRPr="00FC3143">
        <w:rPr>
          <w:rFonts w:asciiTheme="majorBidi" w:hAnsiTheme="majorBidi" w:cstheme="majorBidi"/>
          <w:sz w:val="20"/>
          <w:szCs w:val="20"/>
        </w:rPr>
        <w:t xml:space="preserve"> </w:t>
      </w:r>
      <w:r w:rsidR="00994194" w:rsidRPr="00FC3143">
        <w:rPr>
          <w:rFonts w:asciiTheme="majorBidi" w:hAnsiTheme="majorBidi" w:cstheme="majorBidi"/>
          <w:sz w:val="20"/>
          <w:szCs w:val="20"/>
        </w:rPr>
        <w:t xml:space="preserve">Optical characteristics are studied </w:t>
      </w:r>
      <w:r w:rsidR="00BC55BB" w:rsidRPr="00FC3143">
        <w:rPr>
          <w:rFonts w:asciiTheme="majorBidi" w:hAnsiTheme="majorBidi" w:cstheme="majorBidi"/>
          <w:sz w:val="20"/>
          <w:szCs w:val="20"/>
        </w:rPr>
        <w:t xml:space="preserve">within </w:t>
      </w:r>
      <w:r w:rsidR="00994194" w:rsidRPr="00FC3143">
        <w:rPr>
          <w:rFonts w:asciiTheme="majorBidi" w:hAnsiTheme="majorBidi" w:cstheme="majorBidi"/>
          <w:sz w:val="20"/>
          <w:szCs w:val="20"/>
        </w:rPr>
        <w:t xml:space="preserve">range 300-1100 nm and band gap are calculated. </w:t>
      </w:r>
      <w:r w:rsidR="005C7EC7" w:rsidRPr="00FC3143">
        <w:rPr>
          <w:rFonts w:asciiTheme="majorBidi" w:hAnsiTheme="majorBidi" w:cstheme="majorBidi"/>
          <w:sz w:val="20"/>
          <w:szCs w:val="20"/>
        </w:rPr>
        <w:t>To fabricate the gas sensor, aluminum electrodes were deposited by thermal evaporation in a comb pattern on the sample surface with various dimensions</w:t>
      </w:r>
    </w:p>
    <w:p w14:paraId="16287289" w14:textId="57363976" w:rsidR="005B3B72" w:rsidRPr="002E644C" w:rsidRDefault="005B3B72" w:rsidP="00B50831">
      <w:pPr>
        <w:tabs>
          <w:tab w:val="left" w:pos="90"/>
        </w:tabs>
        <w:spacing w:before="240" w:after="240" w:line="240" w:lineRule="auto"/>
        <w:jc w:val="center"/>
        <w:rPr>
          <w:rFonts w:asciiTheme="majorBidi" w:hAnsiTheme="majorBidi" w:cstheme="majorBidi"/>
          <w:sz w:val="24"/>
          <w:szCs w:val="24"/>
        </w:rPr>
      </w:pPr>
      <w:r w:rsidRPr="002E644C">
        <w:rPr>
          <w:rFonts w:asciiTheme="majorBidi" w:hAnsiTheme="majorBidi" w:cstheme="majorBidi"/>
          <w:b/>
          <w:bCs/>
          <w:sz w:val="24"/>
          <w:szCs w:val="24"/>
        </w:rPr>
        <w:t>RESULTS AND DISCUSSION</w:t>
      </w:r>
    </w:p>
    <w:p w14:paraId="26F62688" w14:textId="77777777" w:rsidR="00B143FF" w:rsidRDefault="0031447B" w:rsidP="00B50831">
      <w:pPr>
        <w:tabs>
          <w:tab w:val="left" w:pos="90"/>
        </w:tabs>
        <w:spacing w:before="240" w:after="240" w:line="240" w:lineRule="auto"/>
        <w:jc w:val="center"/>
        <w:rPr>
          <w:rFonts w:asciiTheme="majorBidi" w:hAnsiTheme="majorBidi" w:cstheme="majorBidi"/>
          <w:b/>
          <w:bCs/>
          <w:sz w:val="24"/>
          <w:szCs w:val="24"/>
        </w:rPr>
      </w:pPr>
      <w:r w:rsidRPr="002C0F16">
        <w:rPr>
          <w:rFonts w:asciiTheme="majorBidi" w:hAnsiTheme="majorBidi" w:cstheme="majorBidi"/>
          <w:b/>
          <w:bCs/>
          <w:sz w:val="24"/>
          <w:szCs w:val="24"/>
        </w:rPr>
        <w:t>Structural Characterization</w:t>
      </w:r>
    </w:p>
    <w:p w14:paraId="3289834D" w14:textId="45DB7222" w:rsidR="002B30E9" w:rsidRPr="00B143FF" w:rsidRDefault="00F8217E" w:rsidP="00B50831">
      <w:pPr>
        <w:tabs>
          <w:tab w:val="left" w:pos="90"/>
        </w:tabs>
        <w:spacing w:line="240" w:lineRule="auto"/>
        <w:ind w:firstLine="284"/>
        <w:jc w:val="both"/>
        <w:rPr>
          <w:rFonts w:asciiTheme="majorBidi" w:hAnsiTheme="majorBidi" w:cstheme="majorBidi"/>
          <w:sz w:val="20"/>
          <w:szCs w:val="20"/>
        </w:rPr>
      </w:pPr>
      <w:r w:rsidRPr="00F8217E">
        <w:rPr>
          <w:rFonts w:asciiTheme="majorBidi" w:eastAsiaTheme="minorEastAsia" w:hAnsiTheme="majorBidi" w:cstheme="majorBidi"/>
          <w:noProof/>
          <w:sz w:val="20"/>
          <w:szCs w:val="20"/>
        </w:rPr>
        <mc:AlternateContent>
          <mc:Choice Requires="wps">
            <w:drawing>
              <wp:anchor distT="45720" distB="45720" distL="114300" distR="114300" simplePos="0" relativeHeight="251659264" behindDoc="0" locked="0" layoutInCell="1" allowOverlap="1" wp14:anchorId="41272D9C" wp14:editId="4507B8A8">
                <wp:simplePos x="0" y="0"/>
                <wp:positionH relativeFrom="column">
                  <wp:posOffset>1478280</wp:posOffset>
                </wp:positionH>
                <wp:positionV relativeFrom="paragraph">
                  <wp:posOffset>515620</wp:posOffset>
                </wp:positionV>
                <wp:extent cx="2743200" cy="1973580"/>
                <wp:effectExtent l="0" t="0" r="0" b="0"/>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43200" cy="1973580"/>
                        </a:xfrm>
                        <a:prstGeom prst="rect">
                          <a:avLst/>
                        </a:prstGeom>
                        <a:noFill/>
                        <a:ln w="9525">
                          <a:noFill/>
                          <a:miter lim="800000"/>
                          <a:headEnd/>
                          <a:tailEnd/>
                        </a:ln>
                      </wps:spPr>
                      <wps:txbx>
                        <w:txbxContent>
                          <w:p w14:paraId="766047EA" w14:textId="0CB731CB" w:rsidR="00F8217E" w:rsidRPr="00F8217E" w:rsidRDefault="00F8217E">
                            <w:pPr>
                              <w:rPr>
                                <w:rFonts w:asciiTheme="majorBidi" w:hAnsiTheme="majorBidi" w:cstheme="majorBidi"/>
                                <w:sz w:val="18"/>
                                <w:szCs w:val="18"/>
                              </w:rPr>
                            </w:pPr>
                            <w:r w:rsidRPr="00F8217E">
                              <w:rPr>
                                <w:rFonts w:asciiTheme="majorBidi" w:hAnsiTheme="majorBidi" w:cstheme="majorBidi"/>
                                <w:sz w:val="18"/>
                                <w:szCs w:val="18"/>
                              </w:rPr>
                              <w:t>a</w:t>
                            </w:r>
                            <w:r w:rsidRPr="00F8217E">
                              <w:rPr>
                                <w:rFonts w:asciiTheme="majorBidi" w:hAnsiTheme="majorBidi" w:cstheme="majorBidi"/>
                                <w:sz w:val="18"/>
                                <w:szCs w:val="18"/>
                              </w:rPr>
                              <w:tab/>
                            </w:r>
                            <w:r w:rsidRPr="00F8217E">
                              <w:rPr>
                                <w:rFonts w:asciiTheme="majorBidi" w:hAnsiTheme="majorBidi" w:cstheme="majorBidi"/>
                                <w:sz w:val="18"/>
                                <w:szCs w:val="18"/>
                              </w:rPr>
                              <w:tab/>
                            </w:r>
                            <w:r w:rsidRPr="00F8217E">
                              <w:rPr>
                                <w:rFonts w:asciiTheme="majorBidi" w:hAnsiTheme="majorBidi" w:cstheme="majorBidi"/>
                                <w:sz w:val="18"/>
                                <w:szCs w:val="18"/>
                              </w:rPr>
                              <w:tab/>
                            </w:r>
                            <w:r w:rsidRPr="00F8217E">
                              <w:rPr>
                                <w:rFonts w:asciiTheme="majorBidi" w:hAnsiTheme="majorBidi" w:cstheme="majorBidi"/>
                                <w:sz w:val="18"/>
                                <w:szCs w:val="18"/>
                              </w:rPr>
                              <w:tab/>
                              <w:t>b</w:t>
                            </w:r>
                          </w:p>
                          <w:p w14:paraId="2C5190EC" w14:textId="77777777" w:rsidR="00F8217E" w:rsidRPr="00F8217E" w:rsidRDefault="00F8217E">
                            <w:pPr>
                              <w:rPr>
                                <w:rFonts w:asciiTheme="majorBidi" w:hAnsiTheme="majorBidi" w:cstheme="majorBidi"/>
                                <w:sz w:val="18"/>
                                <w:szCs w:val="18"/>
                              </w:rPr>
                            </w:pPr>
                          </w:p>
                          <w:p w14:paraId="14B11098" w14:textId="77777777" w:rsidR="00F8217E" w:rsidRPr="00F8217E" w:rsidRDefault="00F8217E">
                            <w:pPr>
                              <w:rPr>
                                <w:rFonts w:asciiTheme="majorBidi" w:hAnsiTheme="majorBidi" w:cstheme="majorBidi"/>
                                <w:sz w:val="18"/>
                                <w:szCs w:val="18"/>
                              </w:rPr>
                            </w:pPr>
                          </w:p>
                          <w:p w14:paraId="23FC34D4" w14:textId="77777777" w:rsidR="00F8217E" w:rsidRPr="00F8217E" w:rsidRDefault="00F8217E">
                            <w:pPr>
                              <w:rPr>
                                <w:rFonts w:asciiTheme="majorBidi" w:hAnsiTheme="majorBidi" w:cstheme="majorBidi"/>
                                <w:sz w:val="18"/>
                                <w:szCs w:val="18"/>
                              </w:rPr>
                            </w:pPr>
                          </w:p>
                          <w:p w14:paraId="55F5A31F" w14:textId="77777777" w:rsidR="00F8217E" w:rsidRPr="00F8217E" w:rsidRDefault="00F8217E">
                            <w:pPr>
                              <w:rPr>
                                <w:rFonts w:asciiTheme="majorBidi" w:hAnsiTheme="majorBidi" w:cstheme="majorBidi"/>
                                <w:sz w:val="18"/>
                                <w:szCs w:val="18"/>
                              </w:rPr>
                            </w:pPr>
                          </w:p>
                          <w:p w14:paraId="031EA7BD" w14:textId="1D836CE7" w:rsidR="00F8217E" w:rsidRPr="00F8217E" w:rsidRDefault="00F8217E" w:rsidP="00F8217E">
                            <w:pPr>
                              <w:ind w:left="720"/>
                              <w:rPr>
                                <w:rFonts w:asciiTheme="majorBidi" w:hAnsiTheme="majorBidi" w:cstheme="majorBidi"/>
                                <w:sz w:val="18"/>
                                <w:szCs w:val="18"/>
                              </w:rPr>
                            </w:pPr>
                            <w:r w:rsidRPr="00F8217E">
                              <w:rPr>
                                <w:rFonts w:asciiTheme="majorBidi" w:hAnsiTheme="majorBidi" w:cstheme="majorBidi"/>
                                <w:sz w:val="18"/>
                                <w:szCs w:val="18"/>
                              </w:rPr>
                              <w:t>c</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41272D9C" id="_x0000_t202" coordsize="21600,21600" o:spt="202" path="m,l,21600r21600,l21600,xe">
                <v:stroke joinstyle="miter"/>
                <v:path gradientshapeok="t" o:connecttype="rect"/>
              </v:shapetype>
              <v:shape id="Text Box 2" o:spid="_x0000_s1026" type="#_x0000_t202" style="position:absolute;left:0;text-align:left;margin-left:116.4pt;margin-top:40.6pt;width:3in;height:155.4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" filled="f" stroked="f">
                <v:textbox>
                  <w:txbxContent>
                    <w:p w14:paraId="766047EA" w14:textId="0CB731CB" w:rsidR="00F8217E" w:rsidRPr="00F8217E" w:rsidRDefault="00F8217E">
                      <w:pPr>
                        <w:rPr>
                          <w:rFonts w:asciiTheme="majorBidi" w:hAnsiTheme="majorBidi" w:cstheme="majorBidi"/>
                          <w:sz w:val="18"/>
                          <w:szCs w:val="18"/>
                        </w:rPr>
                      </w:pPr>
                      <w:r w:rsidRPr="00F8217E">
                        <w:rPr>
                          <w:rFonts w:asciiTheme="majorBidi" w:hAnsiTheme="majorBidi" w:cstheme="majorBidi"/>
                          <w:sz w:val="18"/>
                          <w:szCs w:val="18"/>
                        </w:rPr>
                        <w:t>a</w:t>
                      </w:r>
                      <w:r w:rsidRPr="00F8217E">
                        <w:rPr>
                          <w:rFonts w:asciiTheme="majorBidi" w:hAnsiTheme="majorBidi" w:cstheme="majorBidi"/>
                          <w:sz w:val="18"/>
                          <w:szCs w:val="18"/>
                        </w:rPr>
                        <w:tab/>
                      </w:r>
                      <w:r w:rsidRPr="00F8217E">
                        <w:rPr>
                          <w:rFonts w:asciiTheme="majorBidi" w:hAnsiTheme="majorBidi" w:cstheme="majorBidi"/>
                          <w:sz w:val="18"/>
                          <w:szCs w:val="18"/>
                        </w:rPr>
                        <w:tab/>
                      </w:r>
                      <w:r w:rsidRPr="00F8217E">
                        <w:rPr>
                          <w:rFonts w:asciiTheme="majorBidi" w:hAnsiTheme="majorBidi" w:cstheme="majorBidi"/>
                          <w:sz w:val="18"/>
                          <w:szCs w:val="18"/>
                        </w:rPr>
                        <w:tab/>
                      </w:r>
                      <w:r w:rsidRPr="00F8217E">
                        <w:rPr>
                          <w:rFonts w:asciiTheme="majorBidi" w:hAnsiTheme="majorBidi" w:cstheme="majorBidi"/>
                          <w:sz w:val="18"/>
                          <w:szCs w:val="18"/>
                        </w:rPr>
                        <w:tab/>
                        <w:t>b</w:t>
                      </w:r>
                    </w:p>
                    <w:p w14:paraId="2C5190EC" w14:textId="77777777" w:rsidR="00F8217E" w:rsidRPr="00F8217E" w:rsidRDefault="00F8217E">
                      <w:pPr>
                        <w:rPr>
                          <w:rFonts w:asciiTheme="majorBidi" w:hAnsiTheme="majorBidi" w:cstheme="majorBidi"/>
                          <w:sz w:val="18"/>
                          <w:szCs w:val="18"/>
                        </w:rPr>
                      </w:pPr>
                    </w:p>
                    <w:p w14:paraId="14B11098" w14:textId="77777777" w:rsidR="00F8217E" w:rsidRPr="00F8217E" w:rsidRDefault="00F8217E">
                      <w:pPr>
                        <w:rPr>
                          <w:rFonts w:asciiTheme="majorBidi" w:hAnsiTheme="majorBidi" w:cstheme="majorBidi"/>
                          <w:sz w:val="18"/>
                          <w:szCs w:val="18"/>
                        </w:rPr>
                      </w:pPr>
                    </w:p>
                    <w:p w14:paraId="23FC34D4" w14:textId="77777777" w:rsidR="00F8217E" w:rsidRPr="00F8217E" w:rsidRDefault="00F8217E">
                      <w:pPr>
                        <w:rPr>
                          <w:rFonts w:asciiTheme="majorBidi" w:hAnsiTheme="majorBidi" w:cstheme="majorBidi"/>
                          <w:sz w:val="18"/>
                          <w:szCs w:val="18"/>
                        </w:rPr>
                      </w:pPr>
                    </w:p>
                    <w:p w14:paraId="55F5A31F" w14:textId="77777777" w:rsidR="00F8217E" w:rsidRPr="00F8217E" w:rsidRDefault="00F8217E">
                      <w:pPr>
                        <w:rPr>
                          <w:rFonts w:asciiTheme="majorBidi" w:hAnsiTheme="majorBidi" w:cstheme="majorBidi"/>
                          <w:sz w:val="18"/>
                          <w:szCs w:val="18"/>
                        </w:rPr>
                      </w:pPr>
                    </w:p>
                    <w:p w14:paraId="031EA7BD" w14:textId="1D836CE7" w:rsidR="00F8217E" w:rsidRPr="00F8217E" w:rsidRDefault="00F8217E" w:rsidP="00F8217E">
                      <w:pPr>
                        <w:ind w:left="720"/>
                        <w:rPr>
                          <w:rFonts w:asciiTheme="majorBidi" w:hAnsiTheme="majorBidi" w:cstheme="majorBidi"/>
                          <w:sz w:val="18"/>
                          <w:szCs w:val="18"/>
                        </w:rPr>
                      </w:pPr>
                      <w:r w:rsidRPr="00F8217E">
                        <w:rPr>
                          <w:rFonts w:asciiTheme="majorBidi" w:hAnsiTheme="majorBidi" w:cstheme="majorBidi"/>
                          <w:sz w:val="18"/>
                          <w:szCs w:val="18"/>
                        </w:rPr>
                        <w:t>c</w:t>
                      </w:r>
                    </w:p>
                  </w:txbxContent>
                </v:textbox>
              </v:shape>
            </w:pict>
          </mc:Fallback>
        </mc:AlternateContent>
      </w:r>
      <w:r w:rsidR="000D3478" w:rsidRPr="00FC3143">
        <w:rPr>
          <w:rFonts w:asciiTheme="majorBidi" w:hAnsiTheme="majorBidi" w:cstheme="majorBidi"/>
          <w:sz w:val="20"/>
          <w:szCs w:val="20"/>
        </w:rPr>
        <w:t>Figure (1) shows the X-ray diffraction (XRD) patterns of the as-deposited (Sn) thin films and the thin films after oxidation at a temperature of (300-</w:t>
      </w:r>
      <w:r w:rsidR="00B143FF">
        <w:rPr>
          <w:rFonts w:asciiTheme="majorBidi" w:hAnsiTheme="majorBidi" w:cstheme="majorBidi"/>
          <w:sz w:val="20"/>
          <w:szCs w:val="20"/>
        </w:rPr>
        <w:t xml:space="preserve"> </w:t>
      </w:r>
      <w:r w:rsidR="000D3478" w:rsidRPr="00FC3143">
        <w:rPr>
          <w:rFonts w:asciiTheme="majorBidi" w:hAnsiTheme="majorBidi" w:cstheme="majorBidi"/>
          <w:sz w:val="20"/>
          <w:szCs w:val="20"/>
        </w:rPr>
        <w:t>400)</w:t>
      </w:r>
      <w:r w:rsidR="00B143FF">
        <w:rPr>
          <w:rFonts w:asciiTheme="majorBidi" w:hAnsiTheme="majorBidi" w:cstheme="majorBidi"/>
          <w:sz w:val="20"/>
          <w:szCs w:val="20"/>
        </w:rPr>
        <w:t xml:space="preserve"> </w:t>
      </w:r>
      <w:r w:rsidR="000D3478" w:rsidRPr="00FC3143">
        <w:rPr>
          <w:rFonts w:asciiTheme="majorBidi" w:hAnsiTheme="majorBidi" w:cstheme="majorBidi"/>
          <w:sz w:val="20"/>
          <w:szCs w:val="20"/>
        </w:rPr>
        <w:t>°C. Figure (1</w:t>
      </w:r>
      <w:r w:rsidR="00B143FF">
        <w:rPr>
          <w:rFonts w:asciiTheme="majorBidi" w:hAnsiTheme="majorBidi" w:cstheme="majorBidi"/>
          <w:sz w:val="20"/>
          <w:szCs w:val="20"/>
        </w:rPr>
        <w:t xml:space="preserve"> </w:t>
      </w:r>
      <w:r w:rsidR="000D3478" w:rsidRPr="00FC3143">
        <w:rPr>
          <w:rFonts w:asciiTheme="majorBidi" w:hAnsiTheme="majorBidi" w:cstheme="majorBidi"/>
          <w:sz w:val="20"/>
          <w:szCs w:val="20"/>
        </w:rPr>
        <w:t>)</w:t>
      </w:r>
      <w:r w:rsidR="00B143FF">
        <w:rPr>
          <w:rFonts w:asciiTheme="majorBidi" w:hAnsiTheme="majorBidi" w:cstheme="majorBidi"/>
          <w:sz w:val="20"/>
          <w:szCs w:val="20"/>
        </w:rPr>
        <w:t xml:space="preserve"> </w:t>
      </w:r>
      <w:r w:rsidR="000D3478" w:rsidRPr="00FC3143">
        <w:rPr>
          <w:rFonts w:asciiTheme="majorBidi" w:hAnsiTheme="majorBidi" w:cstheme="majorBidi"/>
          <w:sz w:val="20"/>
          <w:szCs w:val="20"/>
        </w:rPr>
        <w:t>shows that the diffraction pattern of the films oxidized at</w:t>
      </w:r>
      <w:r w:rsidR="00B143FF">
        <w:rPr>
          <w:rFonts w:asciiTheme="majorBidi" w:hAnsiTheme="majorBidi" w:cstheme="majorBidi"/>
          <w:sz w:val="20"/>
          <w:szCs w:val="20"/>
        </w:rPr>
        <w:t xml:space="preserve"> </w:t>
      </w:r>
      <w:r w:rsidR="000D3478" w:rsidRPr="00FC3143">
        <w:rPr>
          <w:rFonts w:asciiTheme="majorBidi" w:hAnsiTheme="majorBidi" w:cstheme="majorBidi"/>
          <w:sz w:val="20"/>
          <w:szCs w:val="20"/>
        </w:rPr>
        <w:t>300 °C contains four peaks for the (SnO</w:t>
      </w:r>
      <w:r w:rsidR="000D3478" w:rsidRPr="00D9697A">
        <w:rPr>
          <w:rFonts w:asciiTheme="majorBidi" w:hAnsiTheme="majorBidi" w:cstheme="majorBidi"/>
          <w:sz w:val="20"/>
          <w:szCs w:val="20"/>
          <w:vertAlign w:val="subscript"/>
        </w:rPr>
        <w:t>2</w:t>
      </w:r>
      <w:r w:rsidR="000D3478" w:rsidRPr="00FC3143">
        <w:rPr>
          <w:rFonts w:asciiTheme="majorBidi" w:hAnsiTheme="majorBidi" w:cstheme="majorBidi"/>
          <w:sz w:val="20"/>
          <w:szCs w:val="20"/>
        </w:rPr>
        <w:t>) phase, three peaks for the (Sn</w:t>
      </w:r>
      <w:r w:rsidR="000D3478" w:rsidRPr="00FC3143">
        <w:rPr>
          <w:rFonts w:asciiTheme="majorBidi" w:hAnsiTheme="majorBidi" w:cstheme="majorBidi"/>
          <w:sz w:val="20"/>
          <w:szCs w:val="20"/>
          <w:vertAlign w:val="subscript"/>
        </w:rPr>
        <w:t>3</w:t>
      </w:r>
      <w:r w:rsidR="000D3478" w:rsidRPr="00FC3143">
        <w:rPr>
          <w:rFonts w:asciiTheme="majorBidi" w:hAnsiTheme="majorBidi" w:cstheme="majorBidi"/>
          <w:sz w:val="20"/>
          <w:szCs w:val="20"/>
        </w:rPr>
        <w:t>O</w:t>
      </w:r>
      <w:r w:rsidR="000D3478" w:rsidRPr="00FC3143">
        <w:rPr>
          <w:rFonts w:asciiTheme="majorBidi" w:hAnsiTheme="majorBidi" w:cstheme="majorBidi"/>
          <w:sz w:val="20"/>
          <w:szCs w:val="20"/>
          <w:vertAlign w:val="subscript"/>
        </w:rPr>
        <w:t>4</w:t>
      </w:r>
      <w:r w:rsidR="000D3478" w:rsidRPr="00FC3143">
        <w:rPr>
          <w:rFonts w:asciiTheme="majorBidi" w:hAnsiTheme="majorBidi" w:cstheme="majorBidi"/>
          <w:sz w:val="20"/>
          <w:szCs w:val="20"/>
        </w:rPr>
        <w:t>) phase, and two peaks for the (SnO) phase.</w:t>
      </w:r>
    </w:p>
    <w:p w14:paraId="1B16A89F" w14:textId="34268C27" w:rsidR="00617787" w:rsidRPr="00FC3143" w:rsidRDefault="002D2D0A" w:rsidP="00B50831">
      <w:pPr>
        <w:tabs>
          <w:tab w:val="left" w:pos="90"/>
        </w:tabs>
        <w:spacing w:line="240" w:lineRule="auto"/>
        <w:jc w:val="center"/>
        <w:rPr>
          <w:rFonts w:asciiTheme="majorBidi" w:eastAsiaTheme="minorEastAsia" w:hAnsiTheme="majorBidi" w:cstheme="majorBidi"/>
          <w:sz w:val="20"/>
          <w:szCs w:val="20"/>
        </w:rPr>
      </w:pPr>
      <w:r>
        <w:rPr>
          <w:rFonts w:asciiTheme="majorBidi" w:hAnsiTheme="majorBidi" w:cstheme="majorBidi"/>
          <w:noProof/>
          <w:sz w:val="20"/>
          <w:szCs w:val="20"/>
        </w:rPr>
        <w:drawing>
          <wp:inline distT="0" distB="0" distL="0" distR="0" wp14:anchorId="6C90A78A" wp14:editId="541118B3">
            <wp:extent cx="3668518" cy="2560320"/>
            <wp:effectExtent l="0" t="0" r="8255"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677868" cy="2566846"/>
                    </a:xfrm>
                    <a:prstGeom prst="rect">
                      <a:avLst/>
                    </a:prstGeom>
                    <a:noFill/>
                  </pic:spPr>
                </pic:pic>
              </a:graphicData>
            </a:graphic>
          </wp:inline>
        </w:drawing>
      </w:r>
    </w:p>
    <w:p w14:paraId="16CBF84B" w14:textId="1A76EC95" w:rsidR="00FA6DD9" w:rsidRDefault="005B3B72" w:rsidP="00B50831">
      <w:pPr>
        <w:tabs>
          <w:tab w:val="left" w:pos="90"/>
        </w:tabs>
        <w:spacing w:line="240" w:lineRule="auto"/>
        <w:rPr>
          <w:rFonts w:asciiTheme="majorBidi" w:hAnsiTheme="majorBidi" w:cstheme="majorBidi"/>
          <w:b/>
          <w:bCs/>
          <w:sz w:val="18"/>
          <w:szCs w:val="18"/>
        </w:rPr>
      </w:pPr>
      <w:r w:rsidRPr="00FC3143">
        <w:rPr>
          <w:rFonts w:asciiTheme="majorBidi" w:hAnsiTheme="majorBidi" w:cstheme="majorBidi"/>
          <w:b/>
          <w:bCs/>
          <w:sz w:val="20"/>
          <w:szCs w:val="20"/>
        </w:rPr>
        <w:t xml:space="preserve">                                                 </w:t>
      </w:r>
      <w:r w:rsidR="002B30E9" w:rsidRPr="00FC3143">
        <w:rPr>
          <w:rFonts w:asciiTheme="majorBidi" w:hAnsiTheme="majorBidi" w:cstheme="majorBidi"/>
          <w:b/>
          <w:bCs/>
          <w:sz w:val="20"/>
          <w:szCs w:val="20"/>
        </w:rPr>
        <w:t xml:space="preserve">        </w:t>
      </w:r>
      <w:r w:rsidRPr="002607A7">
        <w:rPr>
          <w:rFonts w:asciiTheme="majorBidi" w:hAnsiTheme="majorBidi" w:cstheme="majorBidi"/>
          <w:b/>
          <w:bCs/>
          <w:sz w:val="18"/>
          <w:szCs w:val="18"/>
        </w:rPr>
        <w:t>FIGURE 1</w:t>
      </w:r>
      <w:r w:rsidR="00F8217E">
        <w:rPr>
          <w:rFonts w:asciiTheme="majorBidi" w:hAnsiTheme="majorBidi" w:cstheme="majorBidi"/>
          <w:b/>
          <w:bCs/>
          <w:sz w:val="18"/>
          <w:szCs w:val="18"/>
        </w:rPr>
        <w:t>a,b,c</w:t>
      </w:r>
      <w:r w:rsidRPr="002607A7">
        <w:rPr>
          <w:rFonts w:asciiTheme="majorBidi" w:hAnsiTheme="majorBidi" w:cstheme="majorBidi"/>
          <w:b/>
          <w:bCs/>
          <w:sz w:val="18"/>
          <w:szCs w:val="18"/>
        </w:rPr>
        <w:t>.</w:t>
      </w:r>
      <w:r w:rsidRPr="002607A7">
        <w:rPr>
          <w:rFonts w:asciiTheme="majorBidi" w:hAnsiTheme="majorBidi" w:cstheme="majorBidi"/>
          <w:sz w:val="18"/>
          <w:szCs w:val="18"/>
        </w:rPr>
        <w:t xml:space="preserve"> </w:t>
      </w:r>
      <w:r w:rsidR="00E3041C" w:rsidRPr="002607A7">
        <w:rPr>
          <w:rFonts w:asciiTheme="majorBidi" w:hAnsiTheme="majorBidi" w:cstheme="majorBidi"/>
          <w:sz w:val="18"/>
          <w:szCs w:val="18"/>
        </w:rPr>
        <w:t xml:space="preserve"> </w:t>
      </w:r>
      <w:r w:rsidR="00D33384" w:rsidRPr="002607A7">
        <w:rPr>
          <w:rFonts w:asciiTheme="majorBidi" w:hAnsiTheme="majorBidi" w:cstheme="majorBidi"/>
          <w:sz w:val="18"/>
          <w:szCs w:val="18"/>
        </w:rPr>
        <w:t xml:space="preserve">XRD pattern of </w:t>
      </w:r>
      <w:r w:rsidR="00E3041C" w:rsidRPr="002607A7">
        <w:rPr>
          <w:rFonts w:asciiTheme="majorBidi" w:hAnsiTheme="majorBidi" w:cstheme="majorBidi"/>
          <w:sz w:val="18"/>
          <w:szCs w:val="18"/>
        </w:rPr>
        <w:t>(Sn)</w:t>
      </w:r>
      <w:r w:rsidR="00D33384" w:rsidRPr="002607A7">
        <w:rPr>
          <w:rFonts w:asciiTheme="majorBidi" w:hAnsiTheme="majorBidi" w:cstheme="majorBidi"/>
          <w:sz w:val="18"/>
          <w:szCs w:val="18"/>
        </w:rPr>
        <w:t>and SnOx thin films</w:t>
      </w:r>
    </w:p>
    <w:p w14:paraId="1F006D31" w14:textId="0E3E83A9" w:rsidR="005B3B72" w:rsidRPr="002607A7" w:rsidRDefault="005B3B72" w:rsidP="00B50831">
      <w:pPr>
        <w:tabs>
          <w:tab w:val="left" w:pos="90"/>
        </w:tabs>
        <w:spacing w:line="240" w:lineRule="auto"/>
        <w:jc w:val="center"/>
        <w:rPr>
          <w:rFonts w:asciiTheme="majorBidi" w:hAnsiTheme="majorBidi" w:cstheme="majorBidi"/>
          <w:sz w:val="18"/>
          <w:szCs w:val="18"/>
        </w:rPr>
      </w:pPr>
      <w:r w:rsidRPr="002607A7">
        <w:rPr>
          <w:rFonts w:asciiTheme="majorBidi" w:hAnsiTheme="majorBidi" w:cstheme="majorBidi"/>
          <w:b/>
          <w:bCs/>
          <w:sz w:val="18"/>
          <w:szCs w:val="18"/>
        </w:rPr>
        <w:t>TABLE 1.</w:t>
      </w:r>
      <w:r w:rsidRPr="002607A7">
        <w:rPr>
          <w:rFonts w:asciiTheme="majorBidi" w:hAnsiTheme="majorBidi" w:cstheme="majorBidi"/>
          <w:sz w:val="18"/>
          <w:szCs w:val="18"/>
        </w:rPr>
        <w:t xml:space="preserve"> </w:t>
      </w:r>
      <w:r w:rsidR="00BF1342" w:rsidRPr="002607A7">
        <w:rPr>
          <w:rFonts w:asciiTheme="majorBidi" w:hAnsiTheme="majorBidi" w:cstheme="majorBidi"/>
          <w:sz w:val="18"/>
          <w:szCs w:val="18"/>
        </w:rPr>
        <w:t>Information obtained from XRD examination.</w:t>
      </w:r>
    </w:p>
    <w:tbl>
      <w:tblPr>
        <w:tblStyle w:val="TableGrid"/>
        <w:bidiVisual/>
        <w:tblW w:w="8136" w:type="dxa"/>
        <w:tblInd w:w="549" w:type="dxa"/>
        <w:tblLayout w:type="fixed"/>
        <w:tblLook w:val="04A0" w:firstRow="1" w:lastRow="0" w:firstColumn="1" w:lastColumn="0" w:noHBand="0" w:noVBand="1"/>
      </w:tblPr>
      <w:tblGrid>
        <w:gridCol w:w="693"/>
        <w:gridCol w:w="788"/>
        <w:gridCol w:w="944"/>
        <w:gridCol w:w="1222"/>
        <w:gridCol w:w="87"/>
        <w:gridCol w:w="780"/>
        <w:gridCol w:w="1031"/>
        <w:gridCol w:w="1222"/>
        <w:gridCol w:w="1369"/>
      </w:tblGrid>
      <w:tr w:rsidR="00BF1342" w:rsidRPr="00FC3143" w14:paraId="35C2035E" w14:textId="77777777" w:rsidTr="00B50831">
        <w:trPr>
          <w:trHeight w:val="496"/>
        </w:trPr>
        <w:tc>
          <w:tcPr>
            <w:tcW w:w="693" w:type="dxa"/>
            <w:tcBorders>
              <w:top w:val="single" w:sz="4" w:space="0" w:color="auto"/>
              <w:left w:val="nil"/>
              <w:bottom w:val="single" w:sz="4" w:space="0" w:color="auto"/>
              <w:right w:val="nil"/>
            </w:tcBorders>
            <w:hideMark/>
          </w:tcPr>
          <w:p w14:paraId="6E69AF5D" w14:textId="77777777" w:rsidR="00BF1342" w:rsidRPr="002C0F16" w:rsidRDefault="00BF1342" w:rsidP="00B50831">
            <w:pPr>
              <w:tabs>
                <w:tab w:val="left" w:pos="90"/>
              </w:tabs>
              <w:bidi/>
              <w:jc w:val="center"/>
              <w:rPr>
                <w:rFonts w:asciiTheme="majorBidi" w:hAnsiTheme="majorBidi" w:cstheme="majorBidi"/>
                <w:b/>
                <w:bCs/>
                <w:sz w:val="18"/>
                <w:szCs w:val="18"/>
                <w:lang w:bidi="ar-IQ"/>
              </w:rPr>
            </w:pPr>
            <w:r w:rsidRPr="002C0F16">
              <w:rPr>
                <w:rFonts w:asciiTheme="majorBidi" w:hAnsiTheme="majorBidi" w:cstheme="majorBidi"/>
                <w:b/>
                <w:bCs/>
                <w:sz w:val="18"/>
                <w:szCs w:val="18"/>
                <w:lang w:bidi="ar-IQ"/>
              </w:rPr>
              <w:t>hkl</w:t>
            </w:r>
          </w:p>
        </w:tc>
        <w:tc>
          <w:tcPr>
            <w:tcW w:w="788" w:type="dxa"/>
            <w:tcBorders>
              <w:top w:val="single" w:sz="4" w:space="0" w:color="auto"/>
              <w:left w:val="nil"/>
              <w:bottom w:val="single" w:sz="4" w:space="0" w:color="auto"/>
              <w:right w:val="nil"/>
            </w:tcBorders>
            <w:hideMark/>
          </w:tcPr>
          <w:p w14:paraId="67797653" w14:textId="6B47FCFA" w:rsidR="00BF1342" w:rsidRPr="002C0F16" w:rsidRDefault="008342D3" w:rsidP="00B50831">
            <w:pPr>
              <w:tabs>
                <w:tab w:val="left" w:pos="90"/>
              </w:tabs>
              <w:bidi/>
              <w:jc w:val="center"/>
              <w:rPr>
                <w:rFonts w:asciiTheme="majorBidi" w:hAnsiTheme="majorBidi" w:cstheme="majorBidi"/>
                <w:b/>
                <w:bCs/>
                <w:sz w:val="18"/>
                <w:szCs w:val="18"/>
                <w:rtl/>
                <w:lang w:bidi="ar-IQ"/>
              </w:rPr>
            </w:pPr>
            <w:r w:rsidRPr="002C0F16">
              <w:rPr>
                <w:rFonts w:asciiTheme="majorBidi" w:hAnsiTheme="majorBidi" w:cstheme="majorBidi"/>
                <w:b/>
                <w:bCs/>
                <w:sz w:val="18"/>
                <w:szCs w:val="18"/>
                <w:lang w:bidi="ar-IQ"/>
              </w:rPr>
              <w:t>d</w:t>
            </w:r>
            <w:r w:rsidRPr="002C0F16">
              <w:rPr>
                <w:rFonts w:asciiTheme="majorBidi" w:hAnsiTheme="majorBidi" w:cstheme="majorBidi"/>
                <w:b/>
                <w:bCs/>
                <w:sz w:val="18"/>
                <w:szCs w:val="18"/>
                <w:vertAlign w:val="subscript"/>
                <w:lang w:bidi="ar-IQ"/>
              </w:rPr>
              <w:t xml:space="preserve">A </w:t>
            </w:r>
            <w:r w:rsidR="00BF1342" w:rsidRPr="002C0F16">
              <w:rPr>
                <w:rFonts w:asciiTheme="majorBidi" w:hAnsiTheme="majorBidi" w:cstheme="majorBidi"/>
                <w:b/>
                <w:bCs/>
                <w:sz w:val="18"/>
                <w:szCs w:val="18"/>
                <w:vertAlign w:val="subscript"/>
                <w:lang w:bidi="ar-IQ"/>
              </w:rPr>
              <w:t>stand</w:t>
            </w:r>
          </w:p>
        </w:tc>
        <w:tc>
          <w:tcPr>
            <w:tcW w:w="944" w:type="dxa"/>
            <w:tcBorders>
              <w:top w:val="single" w:sz="4" w:space="0" w:color="auto"/>
              <w:left w:val="nil"/>
              <w:bottom w:val="single" w:sz="4" w:space="0" w:color="auto"/>
              <w:right w:val="nil"/>
            </w:tcBorders>
            <w:hideMark/>
          </w:tcPr>
          <w:p w14:paraId="39BD2B97" w14:textId="5D841B99" w:rsidR="00BF1342" w:rsidRPr="002C0F16" w:rsidRDefault="008342D3" w:rsidP="00B50831">
            <w:pPr>
              <w:tabs>
                <w:tab w:val="left" w:pos="90"/>
              </w:tabs>
              <w:bidi/>
              <w:jc w:val="center"/>
              <w:rPr>
                <w:rFonts w:asciiTheme="majorBidi" w:hAnsiTheme="majorBidi" w:cstheme="majorBidi"/>
                <w:b/>
                <w:bCs/>
                <w:sz w:val="18"/>
                <w:szCs w:val="18"/>
                <w:rtl/>
                <w:lang w:bidi="ar-IQ"/>
              </w:rPr>
            </w:pPr>
            <w:r w:rsidRPr="002C0F16">
              <w:rPr>
                <w:rFonts w:asciiTheme="majorBidi" w:hAnsiTheme="majorBidi" w:cstheme="majorBidi"/>
                <w:b/>
                <w:bCs/>
                <w:sz w:val="18"/>
                <w:szCs w:val="18"/>
                <w:lang w:bidi="ar-IQ"/>
              </w:rPr>
              <w:t>d</w:t>
            </w:r>
            <w:r w:rsidR="00BF1342" w:rsidRPr="002C0F16">
              <w:rPr>
                <w:rFonts w:asciiTheme="majorBidi" w:hAnsiTheme="majorBidi" w:cstheme="majorBidi"/>
                <w:b/>
                <w:bCs/>
                <w:sz w:val="18"/>
                <w:szCs w:val="18"/>
                <w:vertAlign w:val="subscript"/>
                <w:lang w:bidi="ar-IQ"/>
              </w:rPr>
              <w:t>abs</w:t>
            </w:r>
            <w:r w:rsidR="00BF1342" w:rsidRPr="002C0F16">
              <w:rPr>
                <w:rFonts w:asciiTheme="majorBidi" w:hAnsiTheme="majorBidi" w:cstheme="majorBidi"/>
                <w:b/>
                <w:bCs/>
                <w:sz w:val="18"/>
                <w:szCs w:val="18"/>
                <w:lang w:bidi="ar-IQ"/>
              </w:rPr>
              <w:t xml:space="preserve"> (deg)</w:t>
            </w:r>
          </w:p>
        </w:tc>
        <w:tc>
          <w:tcPr>
            <w:tcW w:w="1222" w:type="dxa"/>
            <w:tcBorders>
              <w:top w:val="single" w:sz="4" w:space="0" w:color="auto"/>
              <w:left w:val="nil"/>
              <w:bottom w:val="single" w:sz="4" w:space="0" w:color="auto"/>
              <w:right w:val="nil"/>
            </w:tcBorders>
            <w:hideMark/>
          </w:tcPr>
          <w:p w14:paraId="293E06BD" w14:textId="77777777" w:rsidR="00BF1342" w:rsidRPr="002C0F16" w:rsidRDefault="00BF1342" w:rsidP="00B50831">
            <w:pPr>
              <w:tabs>
                <w:tab w:val="left" w:pos="90"/>
              </w:tabs>
              <w:bidi/>
              <w:jc w:val="center"/>
              <w:rPr>
                <w:rFonts w:asciiTheme="majorBidi" w:hAnsiTheme="majorBidi" w:cstheme="majorBidi"/>
                <w:b/>
                <w:bCs/>
                <w:sz w:val="18"/>
                <w:szCs w:val="18"/>
                <w:rtl/>
                <w:lang w:bidi="ar-IQ"/>
              </w:rPr>
            </w:pPr>
            <w:r w:rsidRPr="002C0F16">
              <w:rPr>
                <w:rFonts w:asciiTheme="majorBidi" w:hAnsiTheme="majorBidi" w:cstheme="majorBidi"/>
                <w:b/>
                <w:bCs/>
                <w:sz w:val="18"/>
                <w:szCs w:val="18"/>
                <w:lang w:bidi="ar-IQ"/>
              </w:rPr>
              <w:t>2Ɵ</w:t>
            </w:r>
          </w:p>
          <w:p w14:paraId="4B95540E" w14:textId="5A8418D9" w:rsidR="00BF1342" w:rsidRPr="002C0F16" w:rsidRDefault="00BF1342" w:rsidP="00B50831">
            <w:pPr>
              <w:tabs>
                <w:tab w:val="left" w:pos="90"/>
              </w:tabs>
              <w:bidi/>
              <w:jc w:val="center"/>
              <w:rPr>
                <w:rFonts w:asciiTheme="majorBidi" w:hAnsiTheme="majorBidi" w:cstheme="majorBidi"/>
                <w:b/>
                <w:bCs/>
                <w:sz w:val="18"/>
                <w:szCs w:val="18"/>
                <w:vertAlign w:val="subscript"/>
                <w:lang w:bidi="ar-IQ"/>
              </w:rPr>
            </w:pPr>
            <w:r w:rsidRPr="002C0F16">
              <w:rPr>
                <w:rFonts w:asciiTheme="majorBidi" w:hAnsiTheme="majorBidi" w:cstheme="majorBidi"/>
                <w:b/>
                <w:bCs/>
                <w:sz w:val="18"/>
                <w:szCs w:val="18"/>
                <w:vertAlign w:val="subscript"/>
                <w:lang w:bidi="ar-IQ"/>
              </w:rPr>
              <w:t>A</w:t>
            </w:r>
            <w:r w:rsidR="008342D3" w:rsidRPr="002C0F16">
              <w:rPr>
                <w:rFonts w:asciiTheme="majorBidi" w:hAnsiTheme="majorBidi" w:cstheme="majorBidi"/>
                <w:b/>
                <w:bCs/>
                <w:sz w:val="18"/>
                <w:szCs w:val="18"/>
                <w:vertAlign w:val="subscript"/>
                <w:lang w:bidi="ar-IQ"/>
              </w:rPr>
              <w:t xml:space="preserve"> </w:t>
            </w:r>
            <w:r w:rsidRPr="002C0F16">
              <w:rPr>
                <w:rFonts w:asciiTheme="majorBidi" w:hAnsiTheme="majorBidi" w:cstheme="majorBidi"/>
                <w:b/>
                <w:bCs/>
                <w:sz w:val="18"/>
                <w:szCs w:val="18"/>
                <w:vertAlign w:val="subscript"/>
                <w:lang w:bidi="ar-IQ"/>
              </w:rPr>
              <w:t>stand.</w:t>
            </w:r>
          </w:p>
        </w:tc>
        <w:tc>
          <w:tcPr>
            <w:tcW w:w="867" w:type="dxa"/>
            <w:gridSpan w:val="2"/>
            <w:tcBorders>
              <w:top w:val="single" w:sz="4" w:space="0" w:color="auto"/>
              <w:left w:val="nil"/>
              <w:bottom w:val="single" w:sz="4" w:space="0" w:color="auto"/>
              <w:right w:val="nil"/>
            </w:tcBorders>
            <w:hideMark/>
          </w:tcPr>
          <w:p w14:paraId="3AC67D4B" w14:textId="77777777" w:rsidR="00BF1342" w:rsidRPr="002C0F16" w:rsidRDefault="00BF1342" w:rsidP="00B50831">
            <w:pPr>
              <w:tabs>
                <w:tab w:val="left" w:pos="90"/>
              </w:tabs>
              <w:bidi/>
              <w:jc w:val="center"/>
              <w:rPr>
                <w:rFonts w:asciiTheme="majorBidi" w:hAnsiTheme="majorBidi" w:cstheme="majorBidi"/>
                <w:b/>
                <w:bCs/>
                <w:sz w:val="18"/>
                <w:szCs w:val="18"/>
                <w:rtl/>
                <w:lang w:bidi="ar-IQ"/>
              </w:rPr>
            </w:pPr>
            <w:r w:rsidRPr="002C0F16">
              <w:rPr>
                <w:rFonts w:asciiTheme="majorBidi" w:hAnsiTheme="majorBidi" w:cstheme="majorBidi"/>
                <w:b/>
                <w:bCs/>
                <w:sz w:val="18"/>
                <w:szCs w:val="18"/>
                <w:lang w:bidi="ar-IQ"/>
              </w:rPr>
              <w:t>2Ɵ</w:t>
            </w:r>
            <w:r w:rsidRPr="002C0F16">
              <w:rPr>
                <w:rFonts w:asciiTheme="majorBidi" w:hAnsiTheme="majorBidi" w:cstheme="majorBidi"/>
                <w:b/>
                <w:bCs/>
                <w:sz w:val="18"/>
                <w:szCs w:val="18"/>
                <w:vertAlign w:val="subscript"/>
                <w:lang w:bidi="ar-IQ"/>
              </w:rPr>
              <w:t>abs.</w:t>
            </w:r>
          </w:p>
        </w:tc>
        <w:tc>
          <w:tcPr>
            <w:tcW w:w="1031" w:type="dxa"/>
            <w:tcBorders>
              <w:top w:val="single" w:sz="4" w:space="0" w:color="auto"/>
              <w:left w:val="nil"/>
              <w:bottom w:val="single" w:sz="4" w:space="0" w:color="auto"/>
              <w:right w:val="nil"/>
            </w:tcBorders>
            <w:hideMark/>
          </w:tcPr>
          <w:p w14:paraId="6BC188C6" w14:textId="77777777" w:rsidR="00BF1342" w:rsidRPr="002C0F16" w:rsidRDefault="00BF1342" w:rsidP="00B50831">
            <w:pPr>
              <w:tabs>
                <w:tab w:val="left" w:pos="90"/>
              </w:tabs>
              <w:bidi/>
              <w:jc w:val="center"/>
              <w:rPr>
                <w:rFonts w:asciiTheme="majorBidi" w:hAnsiTheme="majorBidi" w:cstheme="majorBidi"/>
                <w:b/>
                <w:bCs/>
                <w:sz w:val="18"/>
                <w:szCs w:val="18"/>
                <w:rtl/>
                <w:lang w:bidi="ar-IQ"/>
              </w:rPr>
            </w:pPr>
            <w:r w:rsidRPr="002C0F16">
              <w:rPr>
                <w:rFonts w:asciiTheme="majorBidi" w:hAnsiTheme="majorBidi" w:cstheme="majorBidi"/>
                <w:b/>
                <w:bCs/>
                <w:sz w:val="18"/>
                <w:szCs w:val="18"/>
                <w:lang w:bidi="ar-IQ"/>
              </w:rPr>
              <w:t>phase</w:t>
            </w:r>
          </w:p>
        </w:tc>
        <w:tc>
          <w:tcPr>
            <w:tcW w:w="1222" w:type="dxa"/>
            <w:tcBorders>
              <w:top w:val="single" w:sz="4" w:space="0" w:color="auto"/>
              <w:left w:val="nil"/>
              <w:bottom w:val="single" w:sz="4" w:space="0" w:color="auto"/>
              <w:right w:val="nil"/>
            </w:tcBorders>
            <w:hideMark/>
          </w:tcPr>
          <w:p w14:paraId="7AA90EA9" w14:textId="06990EA4" w:rsidR="00BF1342" w:rsidRPr="002C0F16" w:rsidRDefault="008342D3" w:rsidP="00B50831">
            <w:pPr>
              <w:tabs>
                <w:tab w:val="left" w:pos="90"/>
              </w:tabs>
              <w:bidi/>
              <w:jc w:val="center"/>
              <w:rPr>
                <w:rFonts w:asciiTheme="majorBidi" w:hAnsiTheme="majorBidi" w:cstheme="majorBidi"/>
                <w:b/>
                <w:bCs/>
                <w:sz w:val="18"/>
                <w:szCs w:val="18"/>
                <w:lang w:bidi="ar-IQ"/>
              </w:rPr>
            </w:pPr>
            <w:r w:rsidRPr="002C0F16">
              <w:rPr>
                <w:rFonts w:asciiTheme="majorBidi" w:hAnsiTheme="majorBidi" w:cstheme="majorBidi"/>
                <w:b/>
                <w:bCs/>
                <w:sz w:val="18"/>
                <w:szCs w:val="18"/>
                <w:lang w:bidi="ar-IQ"/>
              </w:rPr>
              <w:t>C</w:t>
            </w:r>
            <w:r w:rsidR="00BF1342" w:rsidRPr="002C0F16">
              <w:rPr>
                <w:rFonts w:asciiTheme="majorBidi" w:hAnsiTheme="majorBidi" w:cstheme="majorBidi"/>
                <w:b/>
                <w:bCs/>
                <w:sz w:val="18"/>
                <w:szCs w:val="18"/>
                <w:lang w:bidi="ar-IQ"/>
              </w:rPr>
              <w:t>ard</w:t>
            </w:r>
            <w:r w:rsidRPr="002C0F16">
              <w:rPr>
                <w:rFonts w:asciiTheme="majorBidi" w:hAnsiTheme="majorBidi" w:cstheme="majorBidi"/>
                <w:b/>
                <w:bCs/>
                <w:sz w:val="18"/>
                <w:szCs w:val="18"/>
                <w:lang w:bidi="ar-IQ"/>
              </w:rPr>
              <w:t xml:space="preserve"> </w:t>
            </w:r>
            <w:r w:rsidR="00BF1342" w:rsidRPr="002C0F16">
              <w:rPr>
                <w:rFonts w:asciiTheme="majorBidi" w:hAnsiTheme="majorBidi" w:cstheme="majorBidi"/>
                <w:b/>
                <w:bCs/>
                <w:sz w:val="18"/>
                <w:szCs w:val="18"/>
                <w:lang w:bidi="ar-IQ"/>
              </w:rPr>
              <w:t>No.</w:t>
            </w:r>
          </w:p>
        </w:tc>
        <w:tc>
          <w:tcPr>
            <w:tcW w:w="1369" w:type="dxa"/>
            <w:tcBorders>
              <w:top w:val="single" w:sz="4" w:space="0" w:color="auto"/>
              <w:left w:val="nil"/>
              <w:bottom w:val="single" w:sz="4" w:space="0" w:color="auto"/>
              <w:right w:val="nil"/>
            </w:tcBorders>
            <w:hideMark/>
          </w:tcPr>
          <w:p w14:paraId="42A4579D" w14:textId="1279F6DE" w:rsidR="00BF1342" w:rsidRPr="002C0F16" w:rsidRDefault="00BF1342" w:rsidP="00B50831">
            <w:pPr>
              <w:tabs>
                <w:tab w:val="left" w:pos="90"/>
              </w:tabs>
              <w:bidi/>
              <w:jc w:val="center"/>
              <w:rPr>
                <w:rFonts w:asciiTheme="majorBidi" w:hAnsiTheme="majorBidi" w:cstheme="majorBidi"/>
                <w:b/>
                <w:bCs/>
                <w:sz w:val="18"/>
                <w:szCs w:val="18"/>
                <w:lang w:bidi="ar-IQ"/>
              </w:rPr>
            </w:pPr>
            <w:r w:rsidRPr="002C0F16">
              <w:rPr>
                <w:rFonts w:asciiTheme="majorBidi" w:hAnsiTheme="majorBidi" w:cstheme="majorBidi"/>
                <w:b/>
                <w:bCs/>
                <w:sz w:val="18"/>
                <w:szCs w:val="18"/>
                <w:lang w:bidi="ar-IQ"/>
              </w:rPr>
              <w:t>Temp. exidation</w:t>
            </w:r>
            <w:r w:rsidR="00FD69EB">
              <w:rPr>
                <w:rFonts w:asciiTheme="majorBidi" w:hAnsiTheme="majorBidi" w:cstheme="majorBidi"/>
                <w:b/>
                <w:bCs/>
                <w:sz w:val="18"/>
                <w:szCs w:val="18"/>
                <w:lang w:bidi="ar-IQ"/>
              </w:rPr>
              <w:t xml:space="preserve"> </w:t>
            </w:r>
            <w:r w:rsidRPr="002C0F16">
              <w:rPr>
                <w:rFonts w:asciiTheme="majorBidi" w:hAnsiTheme="majorBidi" w:cstheme="majorBidi"/>
                <w:b/>
                <w:bCs/>
                <w:sz w:val="18"/>
                <w:szCs w:val="18"/>
                <w:lang w:bidi="ar-IQ"/>
              </w:rPr>
              <w:t>(</w:t>
            </w:r>
            <m:oMath>
              <m:r>
                <m:rPr>
                  <m:sty m:val="bi"/>
                </m:rPr>
                <w:rPr>
                  <w:rFonts w:ascii="Cambria Math" w:hAnsi="Cambria Math" w:cstheme="majorBidi"/>
                  <w:sz w:val="18"/>
                  <w:szCs w:val="18"/>
                  <w:rtl/>
                  <w:lang w:bidi="ar-IQ"/>
                </w:rPr>
                <m:t>℃</m:t>
              </m:r>
            </m:oMath>
            <w:r w:rsidRPr="002C0F16">
              <w:rPr>
                <w:rFonts w:asciiTheme="majorBidi" w:hAnsiTheme="majorBidi" w:cstheme="majorBidi"/>
                <w:b/>
                <w:bCs/>
                <w:sz w:val="18"/>
                <w:szCs w:val="18"/>
                <w:lang w:bidi="ar-IQ"/>
              </w:rPr>
              <w:t>)</w:t>
            </w:r>
          </w:p>
        </w:tc>
      </w:tr>
      <w:tr w:rsidR="00AE5373" w:rsidRPr="00FC3143" w14:paraId="21DECDFC" w14:textId="77777777" w:rsidTr="00B50831">
        <w:trPr>
          <w:trHeight w:val="74"/>
        </w:trPr>
        <w:tc>
          <w:tcPr>
            <w:tcW w:w="693" w:type="dxa"/>
            <w:tcBorders>
              <w:top w:val="single" w:sz="4" w:space="0" w:color="auto"/>
              <w:left w:val="nil"/>
              <w:bottom w:val="nil"/>
              <w:right w:val="nil"/>
            </w:tcBorders>
          </w:tcPr>
          <w:p w14:paraId="5A7F90BE" w14:textId="77777777" w:rsidR="00AE5373" w:rsidRPr="002607A7" w:rsidRDefault="00AE5373" w:rsidP="00B50831">
            <w:pPr>
              <w:tabs>
                <w:tab w:val="left" w:pos="90"/>
              </w:tabs>
              <w:bidi/>
              <w:jc w:val="center"/>
              <w:rPr>
                <w:rFonts w:asciiTheme="majorBidi" w:hAnsiTheme="majorBidi" w:cstheme="majorBidi"/>
                <w:b/>
                <w:bCs/>
                <w:sz w:val="18"/>
                <w:szCs w:val="18"/>
                <w:lang w:bidi="ar-IQ"/>
              </w:rPr>
            </w:pPr>
          </w:p>
        </w:tc>
        <w:tc>
          <w:tcPr>
            <w:tcW w:w="788" w:type="dxa"/>
            <w:tcBorders>
              <w:top w:val="single" w:sz="4" w:space="0" w:color="auto"/>
              <w:left w:val="nil"/>
              <w:bottom w:val="nil"/>
              <w:right w:val="nil"/>
            </w:tcBorders>
          </w:tcPr>
          <w:p w14:paraId="6AE0A0D6" w14:textId="77777777" w:rsidR="00AE5373" w:rsidRPr="002607A7" w:rsidRDefault="00AE5373" w:rsidP="00B50831">
            <w:pPr>
              <w:tabs>
                <w:tab w:val="left" w:pos="90"/>
              </w:tabs>
              <w:bidi/>
              <w:jc w:val="center"/>
              <w:rPr>
                <w:rFonts w:asciiTheme="majorBidi" w:hAnsiTheme="majorBidi" w:cstheme="majorBidi"/>
                <w:b/>
                <w:bCs/>
                <w:sz w:val="18"/>
                <w:szCs w:val="18"/>
                <w:lang w:bidi="ar-IQ"/>
              </w:rPr>
            </w:pPr>
          </w:p>
        </w:tc>
        <w:tc>
          <w:tcPr>
            <w:tcW w:w="944" w:type="dxa"/>
            <w:tcBorders>
              <w:top w:val="single" w:sz="4" w:space="0" w:color="auto"/>
              <w:left w:val="nil"/>
              <w:bottom w:val="nil"/>
              <w:right w:val="nil"/>
            </w:tcBorders>
          </w:tcPr>
          <w:p w14:paraId="46872D73" w14:textId="77777777" w:rsidR="00AE5373" w:rsidRPr="002607A7" w:rsidRDefault="00AE5373" w:rsidP="00B50831">
            <w:pPr>
              <w:tabs>
                <w:tab w:val="left" w:pos="90"/>
              </w:tabs>
              <w:bidi/>
              <w:jc w:val="center"/>
              <w:rPr>
                <w:rFonts w:asciiTheme="majorBidi" w:hAnsiTheme="majorBidi" w:cstheme="majorBidi"/>
                <w:b/>
                <w:bCs/>
                <w:sz w:val="18"/>
                <w:szCs w:val="18"/>
                <w:lang w:bidi="ar-IQ"/>
              </w:rPr>
            </w:pPr>
          </w:p>
        </w:tc>
        <w:tc>
          <w:tcPr>
            <w:tcW w:w="1222" w:type="dxa"/>
            <w:tcBorders>
              <w:top w:val="single" w:sz="4" w:space="0" w:color="auto"/>
              <w:left w:val="nil"/>
              <w:bottom w:val="nil"/>
              <w:right w:val="nil"/>
            </w:tcBorders>
          </w:tcPr>
          <w:p w14:paraId="4AE76A6C" w14:textId="77777777" w:rsidR="00AE5373" w:rsidRPr="002607A7" w:rsidRDefault="00AE5373" w:rsidP="00B50831">
            <w:pPr>
              <w:tabs>
                <w:tab w:val="left" w:pos="90"/>
              </w:tabs>
              <w:bidi/>
              <w:jc w:val="center"/>
              <w:rPr>
                <w:rFonts w:asciiTheme="majorBidi" w:hAnsiTheme="majorBidi" w:cstheme="majorBidi"/>
                <w:b/>
                <w:bCs/>
                <w:sz w:val="18"/>
                <w:szCs w:val="18"/>
                <w:lang w:bidi="ar-IQ"/>
              </w:rPr>
            </w:pPr>
          </w:p>
        </w:tc>
        <w:tc>
          <w:tcPr>
            <w:tcW w:w="867" w:type="dxa"/>
            <w:gridSpan w:val="2"/>
            <w:tcBorders>
              <w:top w:val="single" w:sz="4" w:space="0" w:color="auto"/>
              <w:left w:val="nil"/>
              <w:bottom w:val="nil"/>
              <w:right w:val="nil"/>
            </w:tcBorders>
          </w:tcPr>
          <w:p w14:paraId="2AEA7C50" w14:textId="77777777" w:rsidR="00AE5373" w:rsidRPr="002607A7" w:rsidRDefault="00AE5373" w:rsidP="00B50831">
            <w:pPr>
              <w:tabs>
                <w:tab w:val="left" w:pos="90"/>
              </w:tabs>
              <w:bidi/>
              <w:jc w:val="center"/>
              <w:rPr>
                <w:rFonts w:asciiTheme="majorBidi" w:hAnsiTheme="majorBidi" w:cstheme="majorBidi"/>
                <w:b/>
                <w:bCs/>
                <w:sz w:val="18"/>
                <w:szCs w:val="18"/>
                <w:lang w:bidi="ar-IQ"/>
              </w:rPr>
            </w:pPr>
          </w:p>
        </w:tc>
        <w:tc>
          <w:tcPr>
            <w:tcW w:w="1031" w:type="dxa"/>
            <w:tcBorders>
              <w:top w:val="single" w:sz="4" w:space="0" w:color="auto"/>
              <w:left w:val="nil"/>
              <w:bottom w:val="nil"/>
              <w:right w:val="nil"/>
            </w:tcBorders>
          </w:tcPr>
          <w:p w14:paraId="00AFE30E" w14:textId="77777777" w:rsidR="00AE5373" w:rsidRPr="002607A7" w:rsidRDefault="00AE5373" w:rsidP="00B50831">
            <w:pPr>
              <w:tabs>
                <w:tab w:val="left" w:pos="90"/>
              </w:tabs>
              <w:bidi/>
              <w:jc w:val="center"/>
              <w:rPr>
                <w:rFonts w:asciiTheme="majorBidi" w:hAnsiTheme="majorBidi" w:cstheme="majorBidi"/>
                <w:b/>
                <w:bCs/>
                <w:sz w:val="18"/>
                <w:szCs w:val="18"/>
                <w:lang w:bidi="ar-IQ"/>
              </w:rPr>
            </w:pPr>
          </w:p>
        </w:tc>
        <w:tc>
          <w:tcPr>
            <w:tcW w:w="1222" w:type="dxa"/>
            <w:tcBorders>
              <w:top w:val="single" w:sz="4" w:space="0" w:color="auto"/>
              <w:left w:val="nil"/>
              <w:bottom w:val="nil"/>
              <w:right w:val="nil"/>
            </w:tcBorders>
          </w:tcPr>
          <w:p w14:paraId="76A64954" w14:textId="77777777" w:rsidR="00AE5373" w:rsidRPr="002607A7" w:rsidRDefault="00AE5373" w:rsidP="00B50831">
            <w:pPr>
              <w:tabs>
                <w:tab w:val="left" w:pos="90"/>
              </w:tabs>
              <w:bidi/>
              <w:jc w:val="center"/>
              <w:rPr>
                <w:rFonts w:asciiTheme="majorBidi" w:hAnsiTheme="majorBidi" w:cstheme="majorBidi"/>
                <w:b/>
                <w:bCs/>
                <w:sz w:val="18"/>
                <w:szCs w:val="18"/>
                <w:lang w:bidi="ar-IQ"/>
              </w:rPr>
            </w:pPr>
          </w:p>
        </w:tc>
        <w:tc>
          <w:tcPr>
            <w:tcW w:w="1369" w:type="dxa"/>
            <w:tcBorders>
              <w:top w:val="single" w:sz="4" w:space="0" w:color="auto"/>
              <w:left w:val="nil"/>
              <w:bottom w:val="nil"/>
              <w:right w:val="nil"/>
            </w:tcBorders>
          </w:tcPr>
          <w:p w14:paraId="64581307" w14:textId="77777777" w:rsidR="00AE5373" w:rsidRPr="002607A7" w:rsidRDefault="00AE5373" w:rsidP="00B50831">
            <w:pPr>
              <w:tabs>
                <w:tab w:val="left" w:pos="90"/>
              </w:tabs>
              <w:bidi/>
              <w:jc w:val="center"/>
              <w:rPr>
                <w:rFonts w:asciiTheme="majorBidi" w:hAnsiTheme="majorBidi" w:cstheme="majorBidi"/>
                <w:b/>
                <w:bCs/>
                <w:sz w:val="18"/>
                <w:szCs w:val="18"/>
                <w:lang w:bidi="ar-IQ"/>
              </w:rPr>
            </w:pPr>
          </w:p>
        </w:tc>
      </w:tr>
      <w:tr w:rsidR="00BF1342" w:rsidRPr="00FC3143" w14:paraId="32F6D09E" w14:textId="77777777" w:rsidTr="00B50831">
        <w:trPr>
          <w:trHeight w:val="233"/>
        </w:trPr>
        <w:tc>
          <w:tcPr>
            <w:tcW w:w="693" w:type="dxa"/>
            <w:tcBorders>
              <w:top w:val="nil"/>
              <w:left w:val="nil"/>
              <w:bottom w:val="nil"/>
              <w:right w:val="nil"/>
            </w:tcBorders>
            <w:hideMark/>
          </w:tcPr>
          <w:p w14:paraId="6F08051D"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00</w:t>
            </w:r>
          </w:p>
        </w:tc>
        <w:tc>
          <w:tcPr>
            <w:tcW w:w="788" w:type="dxa"/>
            <w:tcBorders>
              <w:top w:val="nil"/>
              <w:left w:val="nil"/>
              <w:bottom w:val="nil"/>
              <w:right w:val="nil"/>
            </w:tcBorders>
            <w:hideMark/>
          </w:tcPr>
          <w:p w14:paraId="21B90CD1"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915</w:t>
            </w:r>
          </w:p>
        </w:tc>
        <w:tc>
          <w:tcPr>
            <w:tcW w:w="944" w:type="dxa"/>
            <w:tcBorders>
              <w:top w:val="nil"/>
              <w:left w:val="nil"/>
              <w:bottom w:val="nil"/>
              <w:right w:val="nil"/>
            </w:tcBorders>
            <w:hideMark/>
          </w:tcPr>
          <w:p w14:paraId="532D7B53"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9147</w:t>
            </w:r>
          </w:p>
        </w:tc>
        <w:tc>
          <w:tcPr>
            <w:tcW w:w="1309" w:type="dxa"/>
            <w:gridSpan w:val="2"/>
            <w:tcBorders>
              <w:top w:val="nil"/>
              <w:left w:val="nil"/>
              <w:bottom w:val="nil"/>
              <w:right w:val="nil"/>
            </w:tcBorders>
            <w:hideMark/>
          </w:tcPr>
          <w:p w14:paraId="12E11159"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30.644</w:t>
            </w:r>
          </w:p>
        </w:tc>
        <w:tc>
          <w:tcPr>
            <w:tcW w:w="780" w:type="dxa"/>
            <w:tcBorders>
              <w:top w:val="nil"/>
              <w:left w:val="nil"/>
              <w:bottom w:val="nil"/>
              <w:right w:val="nil"/>
            </w:tcBorders>
            <w:hideMark/>
          </w:tcPr>
          <w:p w14:paraId="5F632FEA"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30.647</w:t>
            </w:r>
          </w:p>
        </w:tc>
        <w:tc>
          <w:tcPr>
            <w:tcW w:w="1031" w:type="dxa"/>
            <w:vMerge w:val="restart"/>
            <w:tcBorders>
              <w:top w:val="nil"/>
              <w:left w:val="nil"/>
              <w:bottom w:val="nil"/>
              <w:right w:val="nil"/>
            </w:tcBorders>
            <w:hideMark/>
          </w:tcPr>
          <w:p w14:paraId="7B3200C4"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Sn-T</w:t>
            </w:r>
          </w:p>
        </w:tc>
        <w:tc>
          <w:tcPr>
            <w:tcW w:w="1222" w:type="dxa"/>
            <w:vMerge w:val="restart"/>
            <w:tcBorders>
              <w:top w:val="nil"/>
              <w:left w:val="nil"/>
              <w:bottom w:val="nil"/>
              <w:right w:val="nil"/>
            </w:tcBorders>
            <w:hideMark/>
          </w:tcPr>
          <w:p w14:paraId="48545A76" w14:textId="77777777" w:rsidR="00BF1342" w:rsidRPr="00FC3143" w:rsidRDefault="00BF1342"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00-002-0709</w:t>
            </w:r>
          </w:p>
        </w:tc>
        <w:tc>
          <w:tcPr>
            <w:tcW w:w="1369" w:type="dxa"/>
            <w:vMerge w:val="restart"/>
            <w:tcBorders>
              <w:top w:val="nil"/>
              <w:left w:val="nil"/>
              <w:bottom w:val="nil"/>
              <w:right w:val="nil"/>
            </w:tcBorders>
            <w:hideMark/>
          </w:tcPr>
          <w:p w14:paraId="671F3310" w14:textId="77777777" w:rsidR="00BF1342" w:rsidRPr="00FC3143" w:rsidRDefault="00BF1342"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Sn</w:t>
            </w:r>
          </w:p>
        </w:tc>
      </w:tr>
      <w:tr w:rsidR="00BF1342" w:rsidRPr="00FC3143" w14:paraId="6D2EB772" w14:textId="77777777" w:rsidTr="00B50831">
        <w:trPr>
          <w:trHeight w:val="245"/>
        </w:trPr>
        <w:tc>
          <w:tcPr>
            <w:tcW w:w="693" w:type="dxa"/>
            <w:tcBorders>
              <w:top w:val="nil"/>
              <w:left w:val="nil"/>
              <w:bottom w:val="nil"/>
              <w:right w:val="nil"/>
            </w:tcBorders>
            <w:hideMark/>
          </w:tcPr>
          <w:p w14:paraId="41AE1524" w14:textId="77777777" w:rsidR="00BF1342" w:rsidRPr="00FC3143" w:rsidRDefault="00BF1342"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220</w:t>
            </w:r>
          </w:p>
        </w:tc>
        <w:tc>
          <w:tcPr>
            <w:tcW w:w="788" w:type="dxa"/>
            <w:tcBorders>
              <w:top w:val="nil"/>
              <w:left w:val="nil"/>
              <w:bottom w:val="nil"/>
              <w:right w:val="nil"/>
            </w:tcBorders>
            <w:hideMark/>
          </w:tcPr>
          <w:p w14:paraId="4E6DD474"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062</w:t>
            </w:r>
          </w:p>
        </w:tc>
        <w:tc>
          <w:tcPr>
            <w:tcW w:w="944" w:type="dxa"/>
            <w:tcBorders>
              <w:top w:val="nil"/>
              <w:left w:val="nil"/>
              <w:bottom w:val="nil"/>
              <w:right w:val="nil"/>
            </w:tcBorders>
            <w:hideMark/>
          </w:tcPr>
          <w:p w14:paraId="667C3FD4"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0606</w:t>
            </w:r>
          </w:p>
        </w:tc>
        <w:tc>
          <w:tcPr>
            <w:tcW w:w="1309" w:type="dxa"/>
            <w:gridSpan w:val="2"/>
            <w:tcBorders>
              <w:top w:val="nil"/>
              <w:left w:val="nil"/>
              <w:bottom w:val="nil"/>
              <w:right w:val="nil"/>
            </w:tcBorders>
            <w:hideMark/>
          </w:tcPr>
          <w:p w14:paraId="47A9921D"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43.871</w:t>
            </w:r>
          </w:p>
        </w:tc>
        <w:tc>
          <w:tcPr>
            <w:tcW w:w="780" w:type="dxa"/>
            <w:tcBorders>
              <w:top w:val="nil"/>
              <w:left w:val="nil"/>
              <w:bottom w:val="nil"/>
              <w:right w:val="nil"/>
            </w:tcBorders>
            <w:hideMark/>
          </w:tcPr>
          <w:p w14:paraId="4F57442B"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43.902</w:t>
            </w:r>
          </w:p>
        </w:tc>
        <w:tc>
          <w:tcPr>
            <w:tcW w:w="1031" w:type="dxa"/>
            <w:vMerge/>
            <w:tcBorders>
              <w:top w:val="nil"/>
              <w:left w:val="nil"/>
              <w:bottom w:val="nil"/>
              <w:right w:val="nil"/>
            </w:tcBorders>
            <w:vAlign w:val="center"/>
            <w:hideMark/>
          </w:tcPr>
          <w:p w14:paraId="61DEF318" w14:textId="77777777" w:rsidR="00BF1342" w:rsidRPr="00FC3143" w:rsidRDefault="00BF1342" w:rsidP="00B50831">
            <w:pPr>
              <w:tabs>
                <w:tab w:val="left" w:pos="90"/>
              </w:tabs>
              <w:bidi/>
              <w:rPr>
                <w:rFonts w:asciiTheme="majorBidi" w:hAnsiTheme="majorBidi" w:cstheme="majorBidi"/>
                <w:sz w:val="20"/>
                <w:szCs w:val="20"/>
                <w:lang w:bidi="ar-IQ"/>
              </w:rPr>
            </w:pPr>
          </w:p>
        </w:tc>
        <w:tc>
          <w:tcPr>
            <w:tcW w:w="1222" w:type="dxa"/>
            <w:vMerge/>
            <w:tcBorders>
              <w:top w:val="nil"/>
              <w:left w:val="nil"/>
              <w:bottom w:val="nil"/>
              <w:right w:val="nil"/>
            </w:tcBorders>
            <w:vAlign w:val="center"/>
            <w:hideMark/>
          </w:tcPr>
          <w:p w14:paraId="4120D8E1" w14:textId="77777777" w:rsidR="00BF1342" w:rsidRPr="00FC3143" w:rsidRDefault="00BF1342" w:rsidP="00B50831">
            <w:pPr>
              <w:tabs>
                <w:tab w:val="left" w:pos="90"/>
              </w:tabs>
              <w:bidi/>
              <w:rPr>
                <w:rFonts w:asciiTheme="majorBidi" w:hAnsiTheme="majorBidi" w:cstheme="majorBidi"/>
                <w:sz w:val="20"/>
                <w:szCs w:val="20"/>
                <w:lang w:bidi="ar-IQ"/>
              </w:rPr>
            </w:pPr>
          </w:p>
        </w:tc>
        <w:tc>
          <w:tcPr>
            <w:tcW w:w="1369" w:type="dxa"/>
            <w:vMerge/>
            <w:tcBorders>
              <w:top w:val="nil"/>
              <w:left w:val="nil"/>
              <w:bottom w:val="nil"/>
              <w:right w:val="nil"/>
            </w:tcBorders>
            <w:vAlign w:val="center"/>
            <w:hideMark/>
          </w:tcPr>
          <w:p w14:paraId="242CFE91" w14:textId="77777777" w:rsidR="00BF1342" w:rsidRPr="00FC3143" w:rsidRDefault="00BF1342" w:rsidP="00B50831">
            <w:pPr>
              <w:tabs>
                <w:tab w:val="left" w:pos="90"/>
              </w:tabs>
              <w:bidi/>
              <w:rPr>
                <w:rFonts w:asciiTheme="majorBidi" w:hAnsiTheme="majorBidi" w:cstheme="majorBidi"/>
                <w:sz w:val="20"/>
                <w:szCs w:val="20"/>
                <w:lang w:bidi="ar-IQ"/>
              </w:rPr>
            </w:pPr>
          </w:p>
        </w:tc>
      </w:tr>
      <w:tr w:rsidR="00BF1342" w:rsidRPr="00FC3143" w14:paraId="02B6F27D" w14:textId="77777777" w:rsidTr="00B50831">
        <w:trPr>
          <w:trHeight w:val="233"/>
        </w:trPr>
        <w:tc>
          <w:tcPr>
            <w:tcW w:w="693" w:type="dxa"/>
            <w:tcBorders>
              <w:top w:val="nil"/>
              <w:left w:val="nil"/>
              <w:bottom w:val="nil"/>
              <w:right w:val="nil"/>
            </w:tcBorders>
            <w:hideMark/>
          </w:tcPr>
          <w:p w14:paraId="34408827"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11</w:t>
            </w:r>
          </w:p>
        </w:tc>
        <w:tc>
          <w:tcPr>
            <w:tcW w:w="788" w:type="dxa"/>
            <w:tcBorders>
              <w:top w:val="nil"/>
              <w:left w:val="nil"/>
              <w:bottom w:val="nil"/>
              <w:right w:val="nil"/>
            </w:tcBorders>
            <w:hideMark/>
          </w:tcPr>
          <w:p w14:paraId="2AB3FDD6"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017</w:t>
            </w:r>
          </w:p>
        </w:tc>
        <w:tc>
          <w:tcPr>
            <w:tcW w:w="944" w:type="dxa"/>
            <w:tcBorders>
              <w:top w:val="nil"/>
              <w:left w:val="nil"/>
              <w:bottom w:val="nil"/>
              <w:right w:val="nil"/>
            </w:tcBorders>
            <w:hideMark/>
          </w:tcPr>
          <w:p w14:paraId="561DC106"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0159</w:t>
            </w:r>
          </w:p>
        </w:tc>
        <w:tc>
          <w:tcPr>
            <w:tcW w:w="1309" w:type="dxa"/>
            <w:gridSpan w:val="2"/>
            <w:tcBorders>
              <w:top w:val="nil"/>
              <w:left w:val="nil"/>
              <w:bottom w:val="nil"/>
              <w:right w:val="nil"/>
            </w:tcBorders>
            <w:hideMark/>
          </w:tcPr>
          <w:p w14:paraId="4E82EB8E"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44.902</w:t>
            </w:r>
          </w:p>
        </w:tc>
        <w:tc>
          <w:tcPr>
            <w:tcW w:w="780" w:type="dxa"/>
            <w:tcBorders>
              <w:top w:val="nil"/>
              <w:left w:val="nil"/>
              <w:bottom w:val="nil"/>
              <w:right w:val="nil"/>
            </w:tcBorders>
            <w:hideMark/>
          </w:tcPr>
          <w:p w14:paraId="0F938167"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44.928</w:t>
            </w:r>
          </w:p>
        </w:tc>
        <w:tc>
          <w:tcPr>
            <w:tcW w:w="1031" w:type="dxa"/>
            <w:vMerge/>
            <w:tcBorders>
              <w:top w:val="nil"/>
              <w:left w:val="nil"/>
              <w:bottom w:val="nil"/>
              <w:right w:val="nil"/>
            </w:tcBorders>
            <w:vAlign w:val="center"/>
            <w:hideMark/>
          </w:tcPr>
          <w:p w14:paraId="28D80597" w14:textId="77777777" w:rsidR="00BF1342" w:rsidRPr="00FC3143" w:rsidRDefault="00BF1342" w:rsidP="00B50831">
            <w:pPr>
              <w:tabs>
                <w:tab w:val="left" w:pos="90"/>
              </w:tabs>
              <w:bidi/>
              <w:rPr>
                <w:rFonts w:asciiTheme="majorBidi" w:hAnsiTheme="majorBidi" w:cstheme="majorBidi"/>
                <w:sz w:val="20"/>
                <w:szCs w:val="20"/>
                <w:lang w:bidi="ar-IQ"/>
              </w:rPr>
            </w:pPr>
          </w:p>
        </w:tc>
        <w:tc>
          <w:tcPr>
            <w:tcW w:w="1222" w:type="dxa"/>
            <w:vMerge/>
            <w:tcBorders>
              <w:top w:val="nil"/>
              <w:left w:val="nil"/>
              <w:bottom w:val="nil"/>
              <w:right w:val="nil"/>
            </w:tcBorders>
            <w:vAlign w:val="center"/>
            <w:hideMark/>
          </w:tcPr>
          <w:p w14:paraId="025B3C0A" w14:textId="77777777" w:rsidR="00BF1342" w:rsidRPr="00FC3143" w:rsidRDefault="00BF1342" w:rsidP="00B50831">
            <w:pPr>
              <w:tabs>
                <w:tab w:val="left" w:pos="90"/>
              </w:tabs>
              <w:bidi/>
              <w:rPr>
                <w:rFonts w:asciiTheme="majorBidi" w:hAnsiTheme="majorBidi" w:cstheme="majorBidi"/>
                <w:sz w:val="20"/>
                <w:szCs w:val="20"/>
                <w:lang w:bidi="ar-IQ"/>
              </w:rPr>
            </w:pPr>
          </w:p>
        </w:tc>
        <w:tc>
          <w:tcPr>
            <w:tcW w:w="1369" w:type="dxa"/>
            <w:vMerge/>
            <w:tcBorders>
              <w:top w:val="nil"/>
              <w:left w:val="nil"/>
              <w:bottom w:val="nil"/>
              <w:right w:val="nil"/>
            </w:tcBorders>
            <w:vAlign w:val="center"/>
            <w:hideMark/>
          </w:tcPr>
          <w:p w14:paraId="011AF85F" w14:textId="77777777" w:rsidR="00BF1342" w:rsidRPr="00FC3143" w:rsidRDefault="00BF1342" w:rsidP="00B50831">
            <w:pPr>
              <w:tabs>
                <w:tab w:val="left" w:pos="90"/>
              </w:tabs>
              <w:bidi/>
              <w:rPr>
                <w:rFonts w:asciiTheme="majorBidi" w:hAnsiTheme="majorBidi" w:cstheme="majorBidi"/>
                <w:sz w:val="20"/>
                <w:szCs w:val="20"/>
                <w:lang w:bidi="ar-IQ"/>
              </w:rPr>
            </w:pPr>
          </w:p>
        </w:tc>
      </w:tr>
      <w:tr w:rsidR="00BF1342" w:rsidRPr="00FC3143" w14:paraId="7A36965F" w14:textId="77777777" w:rsidTr="00B50831">
        <w:trPr>
          <w:trHeight w:val="506"/>
        </w:trPr>
        <w:tc>
          <w:tcPr>
            <w:tcW w:w="693" w:type="dxa"/>
            <w:tcBorders>
              <w:top w:val="nil"/>
              <w:left w:val="nil"/>
              <w:bottom w:val="nil"/>
              <w:right w:val="nil"/>
            </w:tcBorders>
            <w:hideMark/>
          </w:tcPr>
          <w:p w14:paraId="3F8162B2"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121</w:t>
            </w:r>
          </w:p>
          <w:p w14:paraId="3B35AE40" w14:textId="77777777" w:rsidR="00B74494" w:rsidRPr="00FC3143" w:rsidRDefault="00B74494"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131</w:t>
            </w:r>
          </w:p>
        </w:tc>
        <w:tc>
          <w:tcPr>
            <w:tcW w:w="788" w:type="dxa"/>
            <w:tcBorders>
              <w:top w:val="nil"/>
              <w:left w:val="nil"/>
              <w:bottom w:val="nil"/>
              <w:right w:val="nil"/>
            </w:tcBorders>
            <w:hideMark/>
          </w:tcPr>
          <w:p w14:paraId="156AA1B2" w14:textId="038891E1"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891</w:t>
            </w:r>
          </w:p>
          <w:p w14:paraId="724AE873" w14:textId="77777777" w:rsidR="00B74494" w:rsidRPr="00FC3143" w:rsidRDefault="00B74494"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2.417</w:t>
            </w:r>
          </w:p>
        </w:tc>
        <w:tc>
          <w:tcPr>
            <w:tcW w:w="944" w:type="dxa"/>
            <w:tcBorders>
              <w:top w:val="nil"/>
              <w:left w:val="nil"/>
              <w:bottom w:val="nil"/>
              <w:right w:val="nil"/>
            </w:tcBorders>
            <w:hideMark/>
          </w:tcPr>
          <w:p w14:paraId="3EC466E8"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8962</w:t>
            </w:r>
          </w:p>
          <w:p w14:paraId="119DC2B9" w14:textId="77777777" w:rsidR="00730365" w:rsidRPr="00FC3143" w:rsidRDefault="00730365"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2.408</w:t>
            </w:r>
          </w:p>
        </w:tc>
        <w:tc>
          <w:tcPr>
            <w:tcW w:w="1309" w:type="dxa"/>
            <w:gridSpan w:val="2"/>
            <w:tcBorders>
              <w:top w:val="nil"/>
              <w:left w:val="nil"/>
              <w:bottom w:val="nil"/>
              <w:right w:val="nil"/>
            </w:tcBorders>
            <w:hideMark/>
          </w:tcPr>
          <w:p w14:paraId="6C43F0B9"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30.909</w:t>
            </w:r>
          </w:p>
          <w:p w14:paraId="151A0E7B" w14:textId="3A9C1CE8" w:rsidR="00B74494" w:rsidRPr="00FC3143" w:rsidRDefault="00B74494"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37.16</w:t>
            </w:r>
          </w:p>
        </w:tc>
        <w:tc>
          <w:tcPr>
            <w:tcW w:w="780" w:type="dxa"/>
            <w:tcBorders>
              <w:top w:val="nil"/>
              <w:left w:val="nil"/>
              <w:bottom w:val="nil"/>
              <w:right w:val="nil"/>
            </w:tcBorders>
            <w:hideMark/>
          </w:tcPr>
          <w:p w14:paraId="58669E75" w14:textId="14FBB53B" w:rsidR="00730365"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30.847</w:t>
            </w:r>
          </w:p>
          <w:p w14:paraId="050FE7D5" w14:textId="77777777" w:rsidR="00730365" w:rsidRPr="00FC3143" w:rsidRDefault="00730365" w:rsidP="00B50831">
            <w:pPr>
              <w:tabs>
                <w:tab w:val="left" w:pos="90"/>
              </w:tabs>
              <w:bidi/>
              <w:jc w:val="right"/>
              <w:rPr>
                <w:rFonts w:asciiTheme="majorBidi" w:hAnsiTheme="majorBidi" w:cstheme="majorBidi"/>
                <w:sz w:val="20"/>
                <w:szCs w:val="20"/>
                <w:lang w:bidi="ar-IQ"/>
              </w:rPr>
            </w:pPr>
            <w:r w:rsidRPr="00FC3143">
              <w:rPr>
                <w:rFonts w:asciiTheme="majorBidi" w:hAnsiTheme="majorBidi" w:cstheme="majorBidi"/>
                <w:sz w:val="20"/>
                <w:szCs w:val="20"/>
                <w:lang w:bidi="ar-IQ"/>
              </w:rPr>
              <w:t>37.31</w:t>
            </w:r>
          </w:p>
        </w:tc>
        <w:tc>
          <w:tcPr>
            <w:tcW w:w="1031" w:type="dxa"/>
            <w:tcBorders>
              <w:top w:val="nil"/>
              <w:left w:val="nil"/>
              <w:bottom w:val="nil"/>
              <w:right w:val="nil"/>
            </w:tcBorders>
            <w:hideMark/>
          </w:tcPr>
          <w:p w14:paraId="2CA74829" w14:textId="17644325" w:rsidR="00730365" w:rsidRPr="00FC3143" w:rsidRDefault="00BF1342"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SnO</w:t>
            </w:r>
            <w:r w:rsidRPr="00FC3143">
              <w:rPr>
                <w:rFonts w:asciiTheme="majorBidi" w:hAnsiTheme="majorBidi" w:cstheme="majorBidi"/>
                <w:sz w:val="20"/>
                <w:szCs w:val="20"/>
                <w:vertAlign w:val="subscript"/>
                <w:lang w:bidi="ar-IQ"/>
              </w:rPr>
              <w:t>2</w:t>
            </w:r>
            <w:r w:rsidRPr="00FC3143">
              <w:rPr>
                <w:rFonts w:asciiTheme="majorBidi" w:hAnsiTheme="majorBidi" w:cstheme="majorBidi"/>
                <w:sz w:val="20"/>
                <w:szCs w:val="20"/>
                <w:lang w:bidi="ar-IQ"/>
              </w:rPr>
              <w:t>-O</w:t>
            </w:r>
          </w:p>
          <w:p w14:paraId="5FB99B00" w14:textId="5FB4EAAF" w:rsidR="00730365" w:rsidRPr="00FC3143" w:rsidRDefault="00730365"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SnO</w:t>
            </w:r>
            <w:r w:rsidRPr="008F7637">
              <w:rPr>
                <w:rFonts w:asciiTheme="majorBidi" w:hAnsiTheme="majorBidi" w:cstheme="majorBidi"/>
                <w:sz w:val="20"/>
                <w:szCs w:val="20"/>
                <w:vertAlign w:val="subscript"/>
                <w:lang w:bidi="ar-IQ"/>
              </w:rPr>
              <w:t>2</w:t>
            </w:r>
            <w:r w:rsidRPr="00FC3143">
              <w:rPr>
                <w:rFonts w:asciiTheme="majorBidi" w:hAnsiTheme="majorBidi" w:cstheme="majorBidi"/>
                <w:sz w:val="20"/>
                <w:szCs w:val="20"/>
                <w:lang w:bidi="ar-IQ"/>
              </w:rPr>
              <w:t>-O</w:t>
            </w:r>
          </w:p>
        </w:tc>
        <w:tc>
          <w:tcPr>
            <w:tcW w:w="1222" w:type="dxa"/>
            <w:tcBorders>
              <w:top w:val="nil"/>
              <w:left w:val="nil"/>
              <w:bottom w:val="nil"/>
              <w:right w:val="nil"/>
            </w:tcBorders>
            <w:hideMark/>
          </w:tcPr>
          <w:p w14:paraId="6E7C398C" w14:textId="77777777" w:rsidR="00BF1342" w:rsidRPr="00FC3143" w:rsidRDefault="00BF1342"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98-018-1280</w:t>
            </w:r>
          </w:p>
        </w:tc>
        <w:tc>
          <w:tcPr>
            <w:tcW w:w="1369" w:type="dxa"/>
            <w:vMerge w:val="restart"/>
            <w:tcBorders>
              <w:top w:val="nil"/>
              <w:left w:val="nil"/>
              <w:bottom w:val="nil"/>
              <w:right w:val="nil"/>
            </w:tcBorders>
            <w:hideMark/>
          </w:tcPr>
          <w:p w14:paraId="2EB894F0" w14:textId="77777777" w:rsidR="00BF1342" w:rsidRPr="00FC3143" w:rsidRDefault="00BF1342"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300</w:t>
            </w:r>
          </w:p>
        </w:tc>
      </w:tr>
      <w:tr w:rsidR="00BF1342" w:rsidRPr="00FC3143" w14:paraId="0B4051D2" w14:textId="77777777" w:rsidTr="00B50831">
        <w:trPr>
          <w:trHeight w:val="257"/>
        </w:trPr>
        <w:tc>
          <w:tcPr>
            <w:tcW w:w="693" w:type="dxa"/>
            <w:tcBorders>
              <w:top w:val="nil"/>
              <w:left w:val="nil"/>
              <w:bottom w:val="nil"/>
              <w:right w:val="nil"/>
            </w:tcBorders>
            <w:hideMark/>
          </w:tcPr>
          <w:p w14:paraId="1B33BCE4" w14:textId="77777777" w:rsidR="00BF1342" w:rsidRPr="00FC3143" w:rsidRDefault="00456A0E"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100</w:t>
            </w:r>
          </w:p>
        </w:tc>
        <w:tc>
          <w:tcPr>
            <w:tcW w:w="788" w:type="dxa"/>
            <w:tcBorders>
              <w:top w:val="nil"/>
              <w:left w:val="nil"/>
              <w:bottom w:val="nil"/>
              <w:right w:val="nil"/>
            </w:tcBorders>
            <w:hideMark/>
          </w:tcPr>
          <w:p w14:paraId="2AE22C67" w14:textId="77777777" w:rsidR="00BF1342" w:rsidRPr="00FC3143" w:rsidRDefault="00456A0E"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4.840</w:t>
            </w:r>
          </w:p>
        </w:tc>
        <w:tc>
          <w:tcPr>
            <w:tcW w:w="944" w:type="dxa"/>
            <w:tcBorders>
              <w:top w:val="nil"/>
              <w:left w:val="nil"/>
              <w:bottom w:val="nil"/>
              <w:right w:val="nil"/>
            </w:tcBorders>
            <w:hideMark/>
          </w:tcPr>
          <w:p w14:paraId="41CE4063" w14:textId="77777777" w:rsidR="00BF1342" w:rsidRPr="00FC3143" w:rsidRDefault="00456A0E"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4.785</w:t>
            </w:r>
          </w:p>
        </w:tc>
        <w:tc>
          <w:tcPr>
            <w:tcW w:w="1309" w:type="dxa"/>
            <w:gridSpan w:val="2"/>
            <w:tcBorders>
              <w:top w:val="nil"/>
              <w:left w:val="nil"/>
              <w:bottom w:val="nil"/>
              <w:right w:val="nil"/>
            </w:tcBorders>
            <w:hideMark/>
          </w:tcPr>
          <w:p w14:paraId="2088EF0F" w14:textId="77777777" w:rsidR="00BF1342" w:rsidRPr="00FC3143" w:rsidRDefault="00730365"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18.315</w:t>
            </w:r>
          </w:p>
        </w:tc>
        <w:tc>
          <w:tcPr>
            <w:tcW w:w="780" w:type="dxa"/>
            <w:tcBorders>
              <w:top w:val="nil"/>
              <w:left w:val="nil"/>
              <w:bottom w:val="nil"/>
              <w:right w:val="nil"/>
            </w:tcBorders>
            <w:hideMark/>
          </w:tcPr>
          <w:p w14:paraId="4047C4CD" w14:textId="77777777" w:rsidR="00BF1342" w:rsidRPr="00FC3143" w:rsidRDefault="00730365"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18.527</w:t>
            </w:r>
          </w:p>
        </w:tc>
        <w:tc>
          <w:tcPr>
            <w:tcW w:w="1031" w:type="dxa"/>
            <w:tcBorders>
              <w:top w:val="nil"/>
              <w:left w:val="nil"/>
              <w:bottom w:val="nil"/>
              <w:right w:val="nil"/>
            </w:tcBorders>
            <w:hideMark/>
          </w:tcPr>
          <w:p w14:paraId="1C55C8B6" w14:textId="77777777" w:rsidR="00BF1342" w:rsidRPr="00FC3143" w:rsidRDefault="00456A0E"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Sn</w:t>
            </w:r>
            <w:r w:rsidRPr="008F7637">
              <w:rPr>
                <w:rFonts w:asciiTheme="majorBidi" w:hAnsiTheme="majorBidi" w:cstheme="majorBidi"/>
                <w:sz w:val="20"/>
                <w:szCs w:val="20"/>
                <w:vertAlign w:val="subscript"/>
                <w:lang w:bidi="ar-IQ"/>
              </w:rPr>
              <w:t>3</w:t>
            </w:r>
            <w:r w:rsidRPr="00FC3143">
              <w:rPr>
                <w:rFonts w:asciiTheme="majorBidi" w:hAnsiTheme="majorBidi" w:cstheme="majorBidi"/>
                <w:sz w:val="20"/>
                <w:szCs w:val="20"/>
                <w:lang w:bidi="ar-IQ"/>
              </w:rPr>
              <w:t>O</w:t>
            </w:r>
            <w:r w:rsidRPr="008F7637">
              <w:rPr>
                <w:rFonts w:asciiTheme="majorBidi" w:hAnsiTheme="majorBidi" w:cstheme="majorBidi"/>
                <w:sz w:val="20"/>
                <w:szCs w:val="20"/>
                <w:vertAlign w:val="subscript"/>
                <w:lang w:bidi="ar-IQ"/>
              </w:rPr>
              <w:t>4</w:t>
            </w:r>
            <w:r w:rsidRPr="00FC3143">
              <w:rPr>
                <w:rFonts w:asciiTheme="majorBidi" w:hAnsiTheme="majorBidi" w:cstheme="majorBidi"/>
                <w:sz w:val="20"/>
                <w:szCs w:val="20"/>
                <w:lang w:bidi="ar-IQ"/>
              </w:rPr>
              <w:t>-A</w:t>
            </w:r>
          </w:p>
        </w:tc>
        <w:tc>
          <w:tcPr>
            <w:tcW w:w="1222" w:type="dxa"/>
            <w:tcBorders>
              <w:top w:val="nil"/>
              <w:left w:val="nil"/>
              <w:bottom w:val="nil"/>
              <w:right w:val="nil"/>
            </w:tcBorders>
          </w:tcPr>
          <w:p w14:paraId="37138E30" w14:textId="62A44F0B" w:rsidR="00BF1342" w:rsidRPr="00FC3143" w:rsidRDefault="00456A0E"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00-020-1293</w:t>
            </w:r>
          </w:p>
        </w:tc>
        <w:tc>
          <w:tcPr>
            <w:tcW w:w="1369" w:type="dxa"/>
            <w:vMerge/>
            <w:tcBorders>
              <w:top w:val="nil"/>
              <w:left w:val="nil"/>
              <w:bottom w:val="nil"/>
              <w:right w:val="nil"/>
            </w:tcBorders>
            <w:vAlign w:val="center"/>
            <w:hideMark/>
          </w:tcPr>
          <w:p w14:paraId="0442A1A8" w14:textId="77777777" w:rsidR="00BF1342" w:rsidRPr="00FC3143" w:rsidRDefault="00BF1342" w:rsidP="00B50831">
            <w:pPr>
              <w:tabs>
                <w:tab w:val="left" w:pos="90"/>
              </w:tabs>
              <w:bidi/>
              <w:rPr>
                <w:rFonts w:asciiTheme="majorBidi" w:hAnsiTheme="majorBidi" w:cstheme="majorBidi"/>
                <w:sz w:val="20"/>
                <w:szCs w:val="20"/>
                <w:lang w:bidi="ar-IQ"/>
              </w:rPr>
            </w:pPr>
          </w:p>
        </w:tc>
      </w:tr>
      <w:tr w:rsidR="00BF1342" w:rsidRPr="00FC3143" w14:paraId="05643E24" w14:textId="77777777" w:rsidTr="00B50831">
        <w:trPr>
          <w:trHeight w:val="327"/>
        </w:trPr>
        <w:tc>
          <w:tcPr>
            <w:tcW w:w="693" w:type="dxa"/>
            <w:tcBorders>
              <w:top w:val="nil"/>
              <w:left w:val="nil"/>
              <w:bottom w:val="nil"/>
              <w:right w:val="nil"/>
            </w:tcBorders>
            <w:hideMark/>
          </w:tcPr>
          <w:p w14:paraId="3D8FAA13" w14:textId="77777777" w:rsidR="00BF1342" w:rsidRPr="00FC3143" w:rsidRDefault="00BF1342"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131</w:t>
            </w:r>
          </w:p>
        </w:tc>
        <w:tc>
          <w:tcPr>
            <w:tcW w:w="788" w:type="dxa"/>
            <w:tcBorders>
              <w:top w:val="nil"/>
              <w:left w:val="nil"/>
              <w:bottom w:val="nil"/>
              <w:right w:val="nil"/>
            </w:tcBorders>
            <w:hideMark/>
          </w:tcPr>
          <w:p w14:paraId="4B7C6B00"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417</w:t>
            </w:r>
          </w:p>
        </w:tc>
        <w:tc>
          <w:tcPr>
            <w:tcW w:w="944" w:type="dxa"/>
            <w:tcBorders>
              <w:top w:val="nil"/>
              <w:left w:val="nil"/>
              <w:bottom w:val="nil"/>
              <w:right w:val="nil"/>
            </w:tcBorders>
            <w:hideMark/>
          </w:tcPr>
          <w:p w14:paraId="7F21BF81"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4097</w:t>
            </w:r>
          </w:p>
        </w:tc>
        <w:tc>
          <w:tcPr>
            <w:tcW w:w="1309" w:type="dxa"/>
            <w:gridSpan w:val="2"/>
            <w:tcBorders>
              <w:top w:val="nil"/>
              <w:left w:val="nil"/>
              <w:bottom w:val="nil"/>
              <w:right w:val="nil"/>
            </w:tcBorders>
            <w:hideMark/>
          </w:tcPr>
          <w:p w14:paraId="4CBCB644"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37.160</w:t>
            </w:r>
          </w:p>
        </w:tc>
        <w:tc>
          <w:tcPr>
            <w:tcW w:w="780" w:type="dxa"/>
            <w:tcBorders>
              <w:top w:val="nil"/>
              <w:left w:val="nil"/>
              <w:bottom w:val="nil"/>
              <w:right w:val="nil"/>
            </w:tcBorders>
            <w:hideMark/>
          </w:tcPr>
          <w:p w14:paraId="7EA93906" w14:textId="5A77E811"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37.284</w:t>
            </w:r>
          </w:p>
        </w:tc>
        <w:tc>
          <w:tcPr>
            <w:tcW w:w="1031" w:type="dxa"/>
            <w:tcBorders>
              <w:top w:val="nil"/>
              <w:left w:val="nil"/>
              <w:bottom w:val="nil"/>
              <w:right w:val="nil"/>
            </w:tcBorders>
            <w:hideMark/>
          </w:tcPr>
          <w:p w14:paraId="3CFD91B7"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SnO</w:t>
            </w:r>
            <w:r w:rsidRPr="00FC3143">
              <w:rPr>
                <w:rFonts w:asciiTheme="majorBidi" w:hAnsiTheme="majorBidi" w:cstheme="majorBidi"/>
                <w:sz w:val="20"/>
                <w:szCs w:val="20"/>
                <w:vertAlign w:val="subscript"/>
                <w:lang w:bidi="ar-IQ"/>
              </w:rPr>
              <w:t>2</w:t>
            </w:r>
            <w:r w:rsidRPr="00FC3143">
              <w:rPr>
                <w:rFonts w:asciiTheme="majorBidi" w:hAnsiTheme="majorBidi" w:cstheme="majorBidi"/>
                <w:sz w:val="20"/>
                <w:szCs w:val="20"/>
                <w:lang w:bidi="ar-IQ"/>
              </w:rPr>
              <w:t>-O</w:t>
            </w:r>
          </w:p>
        </w:tc>
        <w:tc>
          <w:tcPr>
            <w:tcW w:w="1222" w:type="dxa"/>
            <w:tcBorders>
              <w:top w:val="nil"/>
              <w:left w:val="nil"/>
              <w:bottom w:val="nil"/>
              <w:right w:val="nil"/>
            </w:tcBorders>
            <w:hideMark/>
          </w:tcPr>
          <w:p w14:paraId="66CC011B" w14:textId="77777777" w:rsidR="00BF1342" w:rsidRPr="00FC3143" w:rsidRDefault="00BF1342"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98-018-1280</w:t>
            </w:r>
          </w:p>
        </w:tc>
        <w:tc>
          <w:tcPr>
            <w:tcW w:w="1369" w:type="dxa"/>
            <w:vMerge w:val="restart"/>
            <w:tcBorders>
              <w:top w:val="nil"/>
              <w:left w:val="nil"/>
              <w:bottom w:val="nil"/>
              <w:right w:val="nil"/>
            </w:tcBorders>
            <w:hideMark/>
          </w:tcPr>
          <w:p w14:paraId="3B534AAA" w14:textId="77777777" w:rsidR="00BF1342" w:rsidRPr="00FC3143" w:rsidRDefault="00BF1342"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400</w:t>
            </w:r>
          </w:p>
        </w:tc>
      </w:tr>
      <w:tr w:rsidR="00BF1342" w:rsidRPr="00FC3143" w14:paraId="542826E2" w14:textId="77777777" w:rsidTr="00B50831">
        <w:trPr>
          <w:trHeight w:val="20"/>
        </w:trPr>
        <w:tc>
          <w:tcPr>
            <w:tcW w:w="693" w:type="dxa"/>
            <w:tcBorders>
              <w:top w:val="nil"/>
              <w:left w:val="nil"/>
              <w:bottom w:val="nil"/>
              <w:right w:val="nil"/>
            </w:tcBorders>
            <w:hideMark/>
          </w:tcPr>
          <w:p w14:paraId="71B0B182" w14:textId="77777777" w:rsidR="00BF1342" w:rsidRPr="00FC3143" w:rsidRDefault="00F278DA"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100</w:t>
            </w:r>
          </w:p>
        </w:tc>
        <w:tc>
          <w:tcPr>
            <w:tcW w:w="788" w:type="dxa"/>
            <w:tcBorders>
              <w:top w:val="nil"/>
              <w:left w:val="nil"/>
              <w:bottom w:val="nil"/>
              <w:right w:val="nil"/>
            </w:tcBorders>
            <w:hideMark/>
          </w:tcPr>
          <w:p w14:paraId="2296BE8A"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4.79</w:t>
            </w:r>
          </w:p>
        </w:tc>
        <w:tc>
          <w:tcPr>
            <w:tcW w:w="944" w:type="dxa"/>
            <w:tcBorders>
              <w:top w:val="nil"/>
              <w:left w:val="nil"/>
              <w:bottom w:val="nil"/>
              <w:right w:val="nil"/>
            </w:tcBorders>
            <w:hideMark/>
          </w:tcPr>
          <w:p w14:paraId="0C1886C8"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4.793</w:t>
            </w:r>
          </w:p>
        </w:tc>
        <w:tc>
          <w:tcPr>
            <w:tcW w:w="1309" w:type="dxa"/>
            <w:gridSpan w:val="2"/>
            <w:tcBorders>
              <w:top w:val="nil"/>
              <w:left w:val="nil"/>
              <w:bottom w:val="nil"/>
              <w:right w:val="nil"/>
            </w:tcBorders>
            <w:hideMark/>
          </w:tcPr>
          <w:p w14:paraId="23F7678C" w14:textId="77777777" w:rsidR="00BF1342" w:rsidRPr="00FC3143" w:rsidRDefault="00F278DA"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18.315</w:t>
            </w:r>
          </w:p>
        </w:tc>
        <w:tc>
          <w:tcPr>
            <w:tcW w:w="780" w:type="dxa"/>
            <w:tcBorders>
              <w:top w:val="nil"/>
              <w:left w:val="nil"/>
              <w:bottom w:val="nil"/>
              <w:right w:val="nil"/>
            </w:tcBorders>
            <w:hideMark/>
          </w:tcPr>
          <w:p w14:paraId="654C24DF" w14:textId="450EB548"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18.494</w:t>
            </w:r>
          </w:p>
        </w:tc>
        <w:tc>
          <w:tcPr>
            <w:tcW w:w="1031" w:type="dxa"/>
            <w:tcBorders>
              <w:top w:val="nil"/>
              <w:left w:val="nil"/>
              <w:bottom w:val="nil"/>
              <w:right w:val="nil"/>
            </w:tcBorders>
            <w:hideMark/>
          </w:tcPr>
          <w:p w14:paraId="352F7600"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Sn</w:t>
            </w:r>
            <w:r w:rsidR="00F278DA" w:rsidRPr="008F7637">
              <w:rPr>
                <w:rFonts w:asciiTheme="majorBidi" w:hAnsiTheme="majorBidi" w:cstheme="majorBidi"/>
                <w:sz w:val="20"/>
                <w:szCs w:val="20"/>
                <w:vertAlign w:val="subscript"/>
                <w:lang w:bidi="ar-IQ"/>
              </w:rPr>
              <w:t>3</w:t>
            </w:r>
            <w:r w:rsidRPr="00FC3143">
              <w:rPr>
                <w:rFonts w:asciiTheme="majorBidi" w:hAnsiTheme="majorBidi" w:cstheme="majorBidi"/>
                <w:sz w:val="20"/>
                <w:szCs w:val="20"/>
                <w:lang w:bidi="ar-IQ"/>
              </w:rPr>
              <w:t>O</w:t>
            </w:r>
            <w:r w:rsidR="00F278DA" w:rsidRPr="008F7637">
              <w:rPr>
                <w:rFonts w:asciiTheme="majorBidi" w:hAnsiTheme="majorBidi" w:cstheme="majorBidi"/>
                <w:sz w:val="20"/>
                <w:szCs w:val="20"/>
                <w:vertAlign w:val="subscript"/>
                <w:lang w:bidi="ar-IQ"/>
              </w:rPr>
              <w:t>4</w:t>
            </w:r>
            <w:r w:rsidR="00F278DA" w:rsidRPr="00FC3143">
              <w:rPr>
                <w:rFonts w:asciiTheme="majorBidi" w:hAnsiTheme="majorBidi" w:cstheme="majorBidi"/>
                <w:sz w:val="20"/>
                <w:szCs w:val="20"/>
                <w:lang w:bidi="ar-IQ"/>
              </w:rPr>
              <w:t>-A</w:t>
            </w:r>
          </w:p>
        </w:tc>
        <w:tc>
          <w:tcPr>
            <w:tcW w:w="1222" w:type="dxa"/>
            <w:tcBorders>
              <w:top w:val="nil"/>
              <w:left w:val="nil"/>
              <w:bottom w:val="nil"/>
              <w:right w:val="nil"/>
            </w:tcBorders>
            <w:hideMark/>
          </w:tcPr>
          <w:p w14:paraId="78CEA28E" w14:textId="77777777" w:rsidR="00BF1342" w:rsidRPr="00FC3143" w:rsidRDefault="00F278DA"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00-020-1293</w:t>
            </w:r>
          </w:p>
        </w:tc>
        <w:tc>
          <w:tcPr>
            <w:tcW w:w="1369" w:type="dxa"/>
            <w:vMerge/>
            <w:tcBorders>
              <w:top w:val="nil"/>
              <w:left w:val="nil"/>
              <w:bottom w:val="nil"/>
              <w:right w:val="nil"/>
            </w:tcBorders>
            <w:vAlign w:val="center"/>
            <w:hideMark/>
          </w:tcPr>
          <w:p w14:paraId="2A3F2982" w14:textId="77777777" w:rsidR="00BF1342" w:rsidRPr="00FC3143" w:rsidRDefault="00BF1342" w:rsidP="00B50831">
            <w:pPr>
              <w:tabs>
                <w:tab w:val="left" w:pos="90"/>
              </w:tabs>
              <w:bidi/>
              <w:rPr>
                <w:rFonts w:asciiTheme="majorBidi" w:hAnsiTheme="majorBidi" w:cstheme="majorBidi"/>
                <w:sz w:val="20"/>
                <w:szCs w:val="20"/>
                <w:lang w:bidi="ar-IQ"/>
              </w:rPr>
            </w:pPr>
          </w:p>
        </w:tc>
      </w:tr>
      <w:tr w:rsidR="00BF1342" w:rsidRPr="00FC3143" w14:paraId="20EB4D46" w14:textId="77777777" w:rsidTr="00B50831">
        <w:trPr>
          <w:trHeight w:val="50"/>
        </w:trPr>
        <w:tc>
          <w:tcPr>
            <w:tcW w:w="693" w:type="dxa"/>
            <w:tcBorders>
              <w:top w:val="nil"/>
              <w:left w:val="nil"/>
              <w:bottom w:val="single" w:sz="4" w:space="0" w:color="auto"/>
              <w:right w:val="nil"/>
            </w:tcBorders>
            <w:hideMark/>
          </w:tcPr>
          <w:p w14:paraId="236890F5" w14:textId="77777777" w:rsidR="00BF1342" w:rsidRPr="00FC3143" w:rsidRDefault="00F278DA"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221</w:t>
            </w:r>
          </w:p>
        </w:tc>
        <w:tc>
          <w:tcPr>
            <w:tcW w:w="788" w:type="dxa"/>
            <w:tcBorders>
              <w:top w:val="nil"/>
              <w:left w:val="nil"/>
              <w:bottom w:val="single" w:sz="4" w:space="0" w:color="auto"/>
              <w:right w:val="nil"/>
            </w:tcBorders>
            <w:hideMark/>
          </w:tcPr>
          <w:p w14:paraId="7D8DCD35" w14:textId="77777777" w:rsidR="00BF1342" w:rsidRPr="00FC3143" w:rsidRDefault="00F278DA"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042</w:t>
            </w:r>
          </w:p>
        </w:tc>
        <w:tc>
          <w:tcPr>
            <w:tcW w:w="944" w:type="dxa"/>
            <w:tcBorders>
              <w:top w:val="nil"/>
              <w:left w:val="nil"/>
              <w:bottom w:val="single" w:sz="4" w:space="0" w:color="auto"/>
              <w:right w:val="nil"/>
            </w:tcBorders>
            <w:hideMark/>
          </w:tcPr>
          <w:p w14:paraId="44067206"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2.053</w:t>
            </w:r>
          </w:p>
        </w:tc>
        <w:tc>
          <w:tcPr>
            <w:tcW w:w="1309" w:type="dxa"/>
            <w:gridSpan w:val="2"/>
            <w:tcBorders>
              <w:top w:val="nil"/>
              <w:left w:val="nil"/>
              <w:bottom w:val="single" w:sz="4" w:space="0" w:color="auto"/>
              <w:right w:val="nil"/>
            </w:tcBorders>
            <w:hideMark/>
          </w:tcPr>
          <w:p w14:paraId="46512F1D" w14:textId="77777777" w:rsidR="00BF1342" w:rsidRPr="00FC3143" w:rsidRDefault="00F278DA"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44.314</w:t>
            </w:r>
          </w:p>
        </w:tc>
        <w:tc>
          <w:tcPr>
            <w:tcW w:w="780" w:type="dxa"/>
            <w:tcBorders>
              <w:top w:val="nil"/>
              <w:left w:val="nil"/>
              <w:bottom w:val="single" w:sz="4" w:space="0" w:color="auto"/>
              <w:right w:val="nil"/>
            </w:tcBorders>
            <w:hideMark/>
          </w:tcPr>
          <w:p w14:paraId="33894AB2" w14:textId="604D7494"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44.059</w:t>
            </w:r>
          </w:p>
        </w:tc>
        <w:tc>
          <w:tcPr>
            <w:tcW w:w="1031" w:type="dxa"/>
            <w:tcBorders>
              <w:top w:val="nil"/>
              <w:left w:val="nil"/>
              <w:bottom w:val="single" w:sz="4" w:space="0" w:color="auto"/>
              <w:right w:val="nil"/>
            </w:tcBorders>
            <w:hideMark/>
          </w:tcPr>
          <w:p w14:paraId="35035C5E" w14:textId="77777777" w:rsidR="00BF1342" w:rsidRPr="00FC3143" w:rsidRDefault="00BF1342" w:rsidP="00B50831">
            <w:pPr>
              <w:tabs>
                <w:tab w:val="left" w:pos="90"/>
              </w:tabs>
              <w:bidi/>
              <w:jc w:val="center"/>
              <w:rPr>
                <w:rFonts w:asciiTheme="majorBidi" w:hAnsiTheme="majorBidi" w:cstheme="majorBidi"/>
                <w:sz w:val="20"/>
                <w:szCs w:val="20"/>
                <w:rtl/>
                <w:lang w:bidi="ar-IQ"/>
              </w:rPr>
            </w:pPr>
            <w:r w:rsidRPr="00FC3143">
              <w:rPr>
                <w:rFonts w:asciiTheme="majorBidi" w:hAnsiTheme="majorBidi" w:cstheme="majorBidi"/>
                <w:sz w:val="20"/>
                <w:szCs w:val="20"/>
                <w:lang w:bidi="ar-IQ"/>
              </w:rPr>
              <w:t>SnO</w:t>
            </w:r>
            <w:r w:rsidR="00F278DA" w:rsidRPr="008F7637">
              <w:rPr>
                <w:rFonts w:asciiTheme="majorBidi" w:hAnsiTheme="majorBidi" w:cstheme="majorBidi"/>
                <w:sz w:val="20"/>
                <w:szCs w:val="20"/>
                <w:vertAlign w:val="subscript"/>
                <w:lang w:bidi="ar-IQ"/>
              </w:rPr>
              <w:t>2</w:t>
            </w:r>
            <w:r w:rsidR="00F278DA" w:rsidRPr="00FC3143">
              <w:rPr>
                <w:rFonts w:asciiTheme="majorBidi" w:hAnsiTheme="majorBidi" w:cstheme="majorBidi"/>
                <w:sz w:val="20"/>
                <w:szCs w:val="20"/>
                <w:lang w:bidi="ar-IQ"/>
              </w:rPr>
              <w:t>-O</w:t>
            </w:r>
          </w:p>
        </w:tc>
        <w:tc>
          <w:tcPr>
            <w:tcW w:w="1222" w:type="dxa"/>
            <w:tcBorders>
              <w:top w:val="nil"/>
              <w:left w:val="nil"/>
              <w:bottom w:val="single" w:sz="4" w:space="0" w:color="auto"/>
              <w:right w:val="nil"/>
            </w:tcBorders>
            <w:hideMark/>
          </w:tcPr>
          <w:p w14:paraId="5CFB437C" w14:textId="77777777" w:rsidR="00BF1342" w:rsidRPr="00FC3143" w:rsidRDefault="00F278DA" w:rsidP="00B50831">
            <w:pPr>
              <w:tabs>
                <w:tab w:val="left" w:pos="90"/>
              </w:tabs>
              <w:bidi/>
              <w:jc w:val="center"/>
              <w:rPr>
                <w:rFonts w:asciiTheme="majorBidi" w:hAnsiTheme="majorBidi" w:cstheme="majorBidi"/>
                <w:sz w:val="20"/>
                <w:szCs w:val="20"/>
                <w:lang w:bidi="ar-IQ"/>
              </w:rPr>
            </w:pPr>
            <w:r w:rsidRPr="00FC3143">
              <w:rPr>
                <w:rFonts w:asciiTheme="majorBidi" w:hAnsiTheme="majorBidi" w:cstheme="majorBidi"/>
                <w:sz w:val="20"/>
                <w:szCs w:val="20"/>
                <w:lang w:bidi="ar-IQ"/>
              </w:rPr>
              <w:t>98-018-1280</w:t>
            </w:r>
          </w:p>
        </w:tc>
        <w:tc>
          <w:tcPr>
            <w:tcW w:w="1369" w:type="dxa"/>
            <w:vMerge/>
            <w:tcBorders>
              <w:top w:val="nil"/>
              <w:left w:val="nil"/>
              <w:bottom w:val="single" w:sz="4" w:space="0" w:color="auto"/>
              <w:right w:val="nil"/>
            </w:tcBorders>
            <w:vAlign w:val="center"/>
            <w:hideMark/>
          </w:tcPr>
          <w:p w14:paraId="2E58D4DF" w14:textId="77777777" w:rsidR="00BF1342" w:rsidRPr="00FC3143" w:rsidRDefault="00BF1342" w:rsidP="00B50831">
            <w:pPr>
              <w:tabs>
                <w:tab w:val="left" w:pos="90"/>
              </w:tabs>
              <w:bidi/>
              <w:rPr>
                <w:rFonts w:asciiTheme="majorBidi" w:hAnsiTheme="majorBidi" w:cstheme="majorBidi"/>
                <w:sz w:val="20"/>
                <w:szCs w:val="20"/>
                <w:lang w:bidi="ar-IQ"/>
              </w:rPr>
            </w:pPr>
          </w:p>
        </w:tc>
      </w:tr>
    </w:tbl>
    <w:p w14:paraId="1A249350" w14:textId="77777777" w:rsidR="00085723" w:rsidRDefault="00085723" w:rsidP="00B50831">
      <w:pPr>
        <w:tabs>
          <w:tab w:val="left" w:pos="90"/>
        </w:tabs>
        <w:spacing w:line="240" w:lineRule="auto"/>
        <w:ind w:firstLine="284"/>
        <w:jc w:val="both"/>
        <w:rPr>
          <w:rFonts w:asciiTheme="majorBidi" w:hAnsiTheme="majorBidi" w:cstheme="majorBidi"/>
          <w:sz w:val="20"/>
          <w:szCs w:val="20"/>
        </w:rPr>
      </w:pPr>
    </w:p>
    <w:p w14:paraId="6A3A1996" w14:textId="0DCA04BE" w:rsidR="00BF1342" w:rsidRPr="00FC3143" w:rsidRDefault="002B30E9" w:rsidP="00B50831">
      <w:pPr>
        <w:tabs>
          <w:tab w:val="left" w:pos="90"/>
        </w:tabs>
        <w:spacing w:line="240" w:lineRule="auto"/>
        <w:ind w:firstLine="284"/>
        <w:jc w:val="both"/>
        <w:rPr>
          <w:rFonts w:asciiTheme="majorBidi" w:eastAsiaTheme="minorEastAsia" w:hAnsiTheme="majorBidi" w:cstheme="majorBidi"/>
          <w:sz w:val="20"/>
          <w:szCs w:val="20"/>
        </w:rPr>
      </w:pPr>
      <w:r w:rsidRPr="00FC3143">
        <w:rPr>
          <w:rFonts w:asciiTheme="majorBidi" w:hAnsiTheme="majorBidi" w:cstheme="majorBidi"/>
          <w:sz w:val="20"/>
          <w:szCs w:val="20"/>
        </w:rPr>
        <w:lastRenderedPageBreak/>
        <w:t>The diffraction pattern of the films oxidized at 400 °C contains four peaks for the (SnO</w:t>
      </w:r>
      <w:r w:rsidRPr="00FC3143">
        <w:rPr>
          <w:rFonts w:asciiTheme="majorBidi" w:hAnsiTheme="majorBidi" w:cstheme="majorBidi"/>
          <w:sz w:val="20"/>
          <w:szCs w:val="20"/>
          <w:vertAlign w:val="subscript"/>
        </w:rPr>
        <w:t>2</w:t>
      </w:r>
      <w:r w:rsidRPr="00FC3143">
        <w:rPr>
          <w:rFonts w:asciiTheme="majorBidi" w:hAnsiTheme="majorBidi" w:cstheme="majorBidi"/>
          <w:sz w:val="20"/>
          <w:szCs w:val="20"/>
        </w:rPr>
        <w:t>) phase and one peak for the (SnO and Sn</w:t>
      </w:r>
      <w:r w:rsidRPr="00FC3143">
        <w:rPr>
          <w:rFonts w:asciiTheme="majorBidi" w:hAnsiTheme="majorBidi" w:cstheme="majorBidi"/>
          <w:sz w:val="20"/>
          <w:szCs w:val="20"/>
          <w:vertAlign w:val="subscript"/>
        </w:rPr>
        <w:t>3</w:t>
      </w:r>
      <w:r w:rsidRPr="00FC3143">
        <w:rPr>
          <w:rFonts w:asciiTheme="majorBidi" w:hAnsiTheme="majorBidi" w:cstheme="majorBidi"/>
          <w:sz w:val="20"/>
          <w:szCs w:val="20"/>
        </w:rPr>
        <w:t>O</w:t>
      </w:r>
      <w:r w:rsidRPr="00FC3143">
        <w:rPr>
          <w:rFonts w:asciiTheme="majorBidi" w:hAnsiTheme="majorBidi" w:cstheme="majorBidi"/>
          <w:sz w:val="20"/>
          <w:szCs w:val="20"/>
          <w:vertAlign w:val="subscript"/>
        </w:rPr>
        <w:t>4</w:t>
      </w:r>
      <w:r w:rsidRPr="00FC3143">
        <w:rPr>
          <w:rFonts w:asciiTheme="majorBidi" w:hAnsiTheme="majorBidi" w:cstheme="majorBidi"/>
          <w:sz w:val="20"/>
          <w:szCs w:val="20"/>
        </w:rPr>
        <w:t>) phase. This indicates increased crystallinity and dominance of the (SnO</w:t>
      </w:r>
      <w:r w:rsidRPr="00FC3143">
        <w:rPr>
          <w:rFonts w:asciiTheme="majorBidi" w:hAnsiTheme="majorBidi" w:cstheme="majorBidi"/>
          <w:sz w:val="20"/>
          <w:szCs w:val="20"/>
          <w:vertAlign w:val="subscript"/>
        </w:rPr>
        <w:t>2</w:t>
      </w:r>
      <w:r w:rsidRPr="00FC3143">
        <w:rPr>
          <w:rFonts w:asciiTheme="majorBidi" w:hAnsiTheme="majorBidi" w:cstheme="majorBidi"/>
          <w:sz w:val="20"/>
          <w:szCs w:val="20"/>
        </w:rPr>
        <w:t>) phase. This is consistent with the optical properties, as the energy gap became (3.</w:t>
      </w:r>
      <w:r w:rsidR="00EF72E1">
        <w:rPr>
          <w:rFonts w:asciiTheme="majorBidi" w:hAnsiTheme="majorBidi" w:cstheme="majorBidi"/>
          <w:sz w:val="20"/>
          <w:szCs w:val="20"/>
        </w:rPr>
        <w:t>1</w:t>
      </w:r>
      <w:r w:rsidRPr="00FC3143">
        <w:rPr>
          <w:rFonts w:asciiTheme="majorBidi" w:hAnsiTheme="majorBidi" w:cstheme="majorBidi"/>
          <w:sz w:val="20"/>
          <w:szCs w:val="20"/>
        </w:rPr>
        <w:t>eV) due to the (SnO</w:t>
      </w:r>
      <w:r w:rsidRPr="00FC3143">
        <w:rPr>
          <w:rFonts w:asciiTheme="majorBidi" w:hAnsiTheme="majorBidi" w:cstheme="majorBidi"/>
          <w:sz w:val="20"/>
          <w:szCs w:val="20"/>
          <w:vertAlign w:val="subscript"/>
        </w:rPr>
        <w:t>2</w:t>
      </w:r>
      <w:r w:rsidRPr="00FC3143">
        <w:rPr>
          <w:rFonts w:asciiTheme="majorBidi" w:hAnsiTheme="majorBidi" w:cstheme="majorBidi"/>
          <w:sz w:val="20"/>
          <w:szCs w:val="20"/>
        </w:rPr>
        <w:t>) phase. The JCPDS card numbers and (hkl) values ​​are shown in Table 1.</w:t>
      </w:r>
      <w:r w:rsidR="005B3B72" w:rsidRPr="00FC3143">
        <w:rPr>
          <w:rFonts w:asciiTheme="majorBidi" w:hAnsiTheme="majorBidi" w:cstheme="majorBidi"/>
          <w:sz w:val="20"/>
          <w:szCs w:val="20"/>
        </w:rPr>
        <w:t xml:space="preserve"> </w:t>
      </w:r>
      <w:r w:rsidRPr="00FC3143">
        <w:rPr>
          <w:rFonts w:asciiTheme="majorBidi" w:hAnsiTheme="majorBidi" w:cstheme="majorBidi"/>
          <w:sz w:val="20"/>
          <w:szCs w:val="20"/>
        </w:rPr>
        <w:t>T</w:t>
      </w:r>
      <w:r w:rsidR="005B3B72" w:rsidRPr="00FC3143">
        <w:rPr>
          <w:rFonts w:asciiTheme="majorBidi" w:hAnsiTheme="majorBidi" w:cstheme="majorBidi"/>
          <w:sz w:val="20"/>
          <w:szCs w:val="20"/>
        </w:rPr>
        <w:t>he</w:t>
      </w:r>
      <w:r w:rsidR="00631603" w:rsidRPr="00FC3143">
        <w:rPr>
          <w:rFonts w:asciiTheme="majorBidi" w:hAnsiTheme="majorBidi" w:cstheme="majorBidi"/>
          <w:sz w:val="20"/>
          <w:szCs w:val="20"/>
        </w:rPr>
        <w:t xml:space="preserve"> crystallite size of thin films is calculated from equation  </w:t>
      </w:r>
      <w:r w:rsidR="00BF1342" w:rsidRPr="00FC3143">
        <w:rPr>
          <w:rFonts w:asciiTheme="majorBidi" w:hAnsiTheme="majorBidi" w:cstheme="majorBidi"/>
          <w:sz w:val="20"/>
          <w:szCs w:val="20"/>
        </w:rPr>
        <w:t xml:space="preserve"> </w:t>
      </w:r>
      <w:r w:rsidR="00BF1342" w:rsidRPr="00FC3143">
        <w:rPr>
          <w:rFonts w:asciiTheme="majorBidi" w:hAnsiTheme="majorBidi" w:cstheme="majorBidi"/>
          <w:sz w:val="20"/>
          <w:szCs w:val="20"/>
          <w:rtl/>
        </w:rPr>
        <w:t>(1)</w:t>
      </w:r>
      <w:r w:rsidR="00BF1342" w:rsidRPr="00FC3143">
        <w:rPr>
          <w:rFonts w:asciiTheme="majorBidi" w:hAnsiTheme="majorBidi" w:cstheme="majorBidi"/>
          <w:sz w:val="20"/>
          <w:szCs w:val="20"/>
        </w:rPr>
        <w:t>. [14</w:t>
      </w:r>
      <w:r w:rsidR="00BF1342" w:rsidRPr="00FC3143">
        <w:rPr>
          <w:rFonts w:asciiTheme="majorBidi" w:hAnsiTheme="majorBidi" w:cstheme="majorBidi"/>
          <w:sz w:val="20"/>
          <w:szCs w:val="20"/>
          <w:rtl/>
        </w:rPr>
        <w:t>-</w:t>
      </w:r>
      <w:r w:rsidR="003E7B64">
        <w:rPr>
          <w:rFonts w:asciiTheme="majorBidi" w:hAnsiTheme="majorBidi" w:cstheme="majorBidi"/>
          <w:sz w:val="20"/>
          <w:szCs w:val="20"/>
        </w:rPr>
        <w:t>17</w:t>
      </w:r>
      <w:r w:rsidR="00BF1342" w:rsidRPr="00FC3143">
        <w:rPr>
          <w:rFonts w:asciiTheme="majorBidi" w:hAnsiTheme="majorBidi" w:cstheme="majorBidi"/>
          <w:sz w:val="20"/>
          <w:szCs w:val="20"/>
        </w:rPr>
        <w:t>]</w:t>
      </w:r>
    </w:p>
    <w:p w14:paraId="51F473D2" w14:textId="7596D024" w:rsidR="00BF1342" w:rsidRPr="00FC3143" w:rsidRDefault="00BF1342" w:rsidP="00B50831">
      <w:pPr>
        <w:tabs>
          <w:tab w:val="left" w:pos="90"/>
        </w:tabs>
        <w:spacing w:line="240" w:lineRule="auto"/>
        <w:jc w:val="right"/>
        <w:rPr>
          <w:rFonts w:asciiTheme="majorBidi" w:hAnsiTheme="majorBidi" w:cstheme="majorBidi"/>
          <w:sz w:val="20"/>
          <w:szCs w:val="20"/>
        </w:rPr>
      </w:pPr>
      <w:r w:rsidRPr="00FC3143">
        <w:rPr>
          <w:rFonts w:asciiTheme="majorBidi" w:hAnsiTheme="majorBidi" w:cstheme="majorBidi"/>
          <w:sz w:val="20"/>
          <w:szCs w:val="20"/>
        </w:rPr>
        <w:t>C</w:t>
      </w:r>
      <w:r w:rsidRPr="00FC3143">
        <w:rPr>
          <w:rFonts w:ascii="Cambria Math" w:hAnsi="Cambria Math" w:cs="Cambria Math"/>
          <w:sz w:val="20"/>
          <w:szCs w:val="20"/>
        </w:rPr>
        <w:t>𝑠</w:t>
      </w:r>
      <w:r w:rsidRPr="00FC3143">
        <w:rPr>
          <w:rFonts w:asciiTheme="majorBidi" w:hAnsiTheme="majorBidi" w:cstheme="majorBidi"/>
          <w:sz w:val="20"/>
          <w:szCs w:val="20"/>
        </w:rPr>
        <w:t xml:space="preserve">= </w:t>
      </w:r>
      <m:oMath>
        <m:f>
          <m:fPr>
            <m:ctrlPr>
              <w:rPr>
                <w:rFonts w:ascii="Cambria Math" w:hAnsi="Cambria Math" w:cstheme="majorBidi"/>
                <w:i/>
                <w:sz w:val="20"/>
                <w:szCs w:val="20"/>
              </w:rPr>
            </m:ctrlPr>
          </m:fPr>
          <m:num>
            <m:r>
              <w:rPr>
                <w:rFonts w:ascii="Cambria Math" w:hAnsi="Cambria Math" w:cstheme="majorBidi"/>
                <w:sz w:val="20"/>
                <w:szCs w:val="20"/>
              </w:rPr>
              <m:t>0.94λ</m:t>
            </m:r>
          </m:num>
          <m:den>
            <m:r>
              <w:rPr>
                <w:rFonts w:ascii="Cambria Math" w:hAnsi="Cambria Math" w:cstheme="majorBidi"/>
                <w:sz w:val="20"/>
                <w:szCs w:val="20"/>
              </w:rPr>
              <m:t>β cosƟ</m:t>
            </m:r>
          </m:den>
        </m:f>
      </m:oMath>
      <w:r w:rsidRPr="00FC3143">
        <w:rPr>
          <w:rFonts w:asciiTheme="majorBidi" w:hAnsiTheme="majorBidi" w:cstheme="majorBidi"/>
          <w:sz w:val="20"/>
          <w:szCs w:val="20"/>
        </w:rPr>
        <w:t xml:space="preserve"> </w:t>
      </w:r>
      <w:r w:rsidR="001F7583" w:rsidRPr="00FC3143">
        <w:rPr>
          <w:rFonts w:asciiTheme="majorBidi" w:hAnsiTheme="majorBidi" w:cstheme="majorBidi"/>
          <w:sz w:val="20"/>
          <w:szCs w:val="20"/>
        </w:rPr>
        <w:t xml:space="preserve">                                                 </w:t>
      </w:r>
      <w:r w:rsidR="00E36955">
        <w:rPr>
          <w:rFonts w:asciiTheme="majorBidi" w:hAnsiTheme="majorBidi" w:cstheme="majorBidi"/>
          <w:sz w:val="20"/>
          <w:szCs w:val="20"/>
        </w:rPr>
        <w:t xml:space="preserve">     </w:t>
      </w:r>
      <w:r w:rsidR="001F7583" w:rsidRPr="00FC3143">
        <w:rPr>
          <w:rFonts w:asciiTheme="majorBidi" w:hAnsiTheme="majorBidi" w:cstheme="majorBidi"/>
          <w:sz w:val="20"/>
          <w:szCs w:val="20"/>
        </w:rPr>
        <w:t xml:space="preserve">                           </w:t>
      </w:r>
      <w:r w:rsidRPr="00FC3143">
        <w:rPr>
          <w:rFonts w:asciiTheme="majorBidi" w:hAnsiTheme="majorBidi" w:cstheme="majorBidi"/>
          <w:sz w:val="20"/>
          <w:szCs w:val="20"/>
        </w:rPr>
        <w:t>(1)</w:t>
      </w:r>
    </w:p>
    <w:p w14:paraId="2A0C2172" w14:textId="1076912B" w:rsidR="00BF1342" w:rsidRPr="00FC3143" w:rsidRDefault="00BF1342" w:rsidP="00B50831">
      <w:pPr>
        <w:tabs>
          <w:tab w:val="left" w:pos="90"/>
        </w:tabs>
        <w:spacing w:line="240" w:lineRule="auto"/>
        <w:rPr>
          <w:rFonts w:asciiTheme="majorBidi" w:hAnsiTheme="majorBidi" w:cstheme="majorBidi"/>
          <w:sz w:val="20"/>
          <w:szCs w:val="20"/>
        </w:rPr>
      </w:pPr>
      <w:r w:rsidRPr="00FC3143">
        <w:rPr>
          <w:rFonts w:asciiTheme="majorBidi" w:hAnsiTheme="majorBidi" w:cstheme="majorBidi"/>
          <w:sz w:val="20"/>
          <w:szCs w:val="20"/>
        </w:rPr>
        <w:t>The dislocation density δ</w:t>
      </w:r>
      <w:r w:rsidR="007B37FE" w:rsidRPr="00FC3143">
        <w:rPr>
          <w:rFonts w:asciiTheme="majorBidi" w:hAnsiTheme="majorBidi" w:cstheme="majorBidi"/>
          <w:sz w:val="20"/>
          <w:szCs w:val="20"/>
        </w:rPr>
        <w:t xml:space="preserve"> </w:t>
      </w:r>
      <w:r w:rsidRPr="00FC3143">
        <w:rPr>
          <w:rFonts w:asciiTheme="majorBidi" w:hAnsiTheme="majorBidi" w:cstheme="majorBidi"/>
          <w:sz w:val="20"/>
          <w:szCs w:val="20"/>
        </w:rPr>
        <w:t xml:space="preserve"> ,</w:t>
      </w:r>
      <w:r w:rsidR="00631603" w:rsidRPr="00FC3143">
        <w:rPr>
          <w:rFonts w:asciiTheme="majorBidi" w:hAnsiTheme="majorBidi" w:cstheme="majorBidi"/>
          <w:sz w:val="20"/>
          <w:szCs w:val="20"/>
        </w:rPr>
        <w:t xml:space="preserve"> </w:t>
      </w:r>
      <w:r w:rsidRPr="00FC3143">
        <w:rPr>
          <w:rFonts w:asciiTheme="majorBidi" w:hAnsiTheme="majorBidi" w:cstheme="majorBidi"/>
          <w:sz w:val="20"/>
          <w:szCs w:val="20"/>
        </w:rPr>
        <w:t xml:space="preserve">microstrain </w:t>
      </w:r>
      <w:r w:rsidR="007B37FE" w:rsidRPr="00FC3143">
        <w:rPr>
          <w:rFonts w:asciiTheme="majorBidi" w:hAnsiTheme="majorBidi" w:cstheme="majorBidi"/>
          <w:sz w:val="20"/>
          <w:szCs w:val="20"/>
        </w:rPr>
        <w:t xml:space="preserve"> </w:t>
      </w:r>
      <w:r w:rsidRPr="00FC3143">
        <w:rPr>
          <w:rFonts w:asciiTheme="majorBidi" w:hAnsiTheme="majorBidi" w:cstheme="majorBidi"/>
          <w:sz w:val="20"/>
          <w:szCs w:val="20"/>
        </w:rPr>
        <w:t>ε and N</w:t>
      </w:r>
      <w:r w:rsidRPr="00FC3143">
        <w:rPr>
          <w:rFonts w:asciiTheme="majorBidi" w:hAnsiTheme="majorBidi" w:cstheme="majorBidi"/>
          <w:sz w:val="20"/>
          <w:szCs w:val="20"/>
          <w:vertAlign w:val="subscript"/>
        </w:rPr>
        <w:t>o</w:t>
      </w:r>
      <w:r w:rsidRPr="00FC3143">
        <w:rPr>
          <w:rFonts w:asciiTheme="majorBidi" w:hAnsiTheme="majorBidi" w:cstheme="majorBidi"/>
          <w:sz w:val="20"/>
          <w:szCs w:val="20"/>
        </w:rPr>
        <w:t xml:space="preserve"> were calculated through the following relationships: [</w:t>
      </w:r>
      <w:r w:rsidR="003E7B64">
        <w:rPr>
          <w:rFonts w:asciiTheme="majorBidi" w:hAnsiTheme="majorBidi" w:cstheme="majorBidi"/>
          <w:sz w:val="20"/>
          <w:szCs w:val="20"/>
        </w:rPr>
        <w:t>18</w:t>
      </w:r>
      <w:r w:rsidRPr="00FC3143">
        <w:rPr>
          <w:rFonts w:asciiTheme="majorBidi" w:hAnsiTheme="majorBidi" w:cstheme="majorBidi"/>
          <w:sz w:val="20"/>
          <w:szCs w:val="20"/>
        </w:rPr>
        <w:t>-2</w:t>
      </w:r>
      <w:r w:rsidR="003E7B64">
        <w:rPr>
          <w:rFonts w:asciiTheme="majorBidi" w:hAnsiTheme="majorBidi" w:cstheme="majorBidi"/>
          <w:sz w:val="20"/>
          <w:szCs w:val="20"/>
        </w:rPr>
        <w:t>3</w:t>
      </w:r>
      <w:r w:rsidRPr="00FC3143">
        <w:rPr>
          <w:rFonts w:asciiTheme="majorBidi" w:hAnsiTheme="majorBidi" w:cstheme="majorBidi"/>
          <w:sz w:val="20"/>
          <w:szCs w:val="20"/>
        </w:rPr>
        <w:t xml:space="preserve">] </w:t>
      </w:r>
    </w:p>
    <w:p w14:paraId="2E6BEA4E" w14:textId="519F7BBB" w:rsidR="00BF1342" w:rsidRPr="00B143FF" w:rsidRDefault="00BF1342" w:rsidP="00B50831">
      <w:pPr>
        <w:tabs>
          <w:tab w:val="left" w:pos="90"/>
        </w:tabs>
        <w:spacing w:line="240" w:lineRule="auto"/>
        <w:jc w:val="right"/>
        <w:rPr>
          <w:rFonts w:asciiTheme="majorBidi" w:hAnsiTheme="majorBidi" w:cstheme="majorBidi"/>
          <w:sz w:val="20"/>
          <w:szCs w:val="20"/>
        </w:rPr>
      </w:pPr>
      <w:r w:rsidRPr="00B143FF">
        <w:rPr>
          <w:rFonts w:asciiTheme="majorBidi" w:hAnsiTheme="majorBidi" w:cstheme="majorBidi"/>
          <w:sz w:val="20"/>
          <w:szCs w:val="20"/>
        </w:rPr>
        <w:t xml:space="preserve">δ = </w:t>
      </w:r>
      <m:oMath>
        <m:f>
          <m:fPr>
            <m:ctrlPr>
              <w:rPr>
                <w:rFonts w:ascii="Cambria Math" w:hAnsi="Cambria Math" w:cstheme="majorBidi"/>
                <w:i/>
                <w:sz w:val="20"/>
                <w:szCs w:val="20"/>
              </w:rPr>
            </m:ctrlPr>
          </m:fPr>
          <m:num>
            <m:r>
              <w:rPr>
                <w:rFonts w:ascii="Cambria Math" w:hAnsi="Cambria Math" w:cstheme="majorBidi"/>
                <w:sz w:val="20"/>
                <w:szCs w:val="20"/>
              </w:rPr>
              <m:t>1</m:t>
            </m:r>
          </m:num>
          <m:den>
            <m:r>
              <w:rPr>
                <w:rFonts w:ascii="Cambria Math" w:hAnsi="Cambria Math" w:cstheme="majorBidi"/>
                <w:sz w:val="20"/>
                <w:szCs w:val="20"/>
              </w:rPr>
              <m:t>Cs^2</m:t>
            </m:r>
          </m:den>
        </m:f>
      </m:oMath>
      <w:r w:rsidRPr="00B143FF">
        <w:rPr>
          <w:rFonts w:asciiTheme="majorBidi" w:hAnsiTheme="majorBidi" w:cstheme="majorBidi"/>
          <w:sz w:val="20"/>
          <w:szCs w:val="20"/>
        </w:rPr>
        <w:t xml:space="preserve"> </w:t>
      </w:r>
      <w:r w:rsidR="001F7583" w:rsidRPr="00B143FF">
        <w:rPr>
          <w:rFonts w:asciiTheme="majorBidi" w:hAnsiTheme="majorBidi" w:cstheme="majorBidi"/>
          <w:sz w:val="20"/>
          <w:szCs w:val="20"/>
        </w:rPr>
        <w:t xml:space="preserve">                                                                                   </w:t>
      </w:r>
      <w:r w:rsidRPr="00B143FF">
        <w:rPr>
          <w:rFonts w:asciiTheme="majorBidi" w:hAnsiTheme="majorBidi" w:cstheme="majorBidi"/>
          <w:sz w:val="20"/>
          <w:szCs w:val="20"/>
        </w:rPr>
        <w:t>(2)</w:t>
      </w:r>
    </w:p>
    <w:p w14:paraId="7D088EA5" w14:textId="6E5A973D" w:rsidR="00BF1342" w:rsidRPr="00B143FF" w:rsidRDefault="00BF1342" w:rsidP="00B50831">
      <w:pPr>
        <w:tabs>
          <w:tab w:val="left" w:pos="90"/>
        </w:tabs>
        <w:spacing w:line="240" w:lineRule="auto"/>
        <w:jc w:val="right"/>
        <w:rPr>
          <w:rFonts w:asciiTheme="majorBidi" w:hAnsiTheme="majorBidi" w:cstheme="majorBidi"/>
          <w:sz w:val="20"/>
          <w:szCs w:val="20"/>
        </w:rPr>
      </w:pPr>
      <w:r w:rsidRPr="00B143FF">
        <w:rPr>
          <w:rFonts w:asciiTheme="majorBidi" w:hAnsiTheme="majorBidi" w:cstheme="majorBidi"/>
          <w:sz w:val="20"/>
          <w:szCs w:val="20"/>
        </w:rPr>
        <w:t xml:space="preserve">ɛ = </w:t>
      </w:r>
      <m:oMath>
        <m:f>
          <m:fPr>
            <m:ctrlPr>
              <w:rPr>
                <w:rFonts w:ascii="Cambria Math" w:hAnsi="Cambria Math" w:cstheme="majorBidi"/>
                <w:i/>
                <w:sz w:val="20"/>
                <w:szCs w:val="20"/>
              </w:rPr>
            </m:ctrlPr>
          </m:fPr>
          <m:num>
            <m:r>
              <w:rPr>
                <w:rFonts w:ascii="Cambria Math" w:hAnsi="Cambria Math" w:cstheme="majorBidi"/>
                <w:sz w:val="20"/>
                <w:szCs w:val="20"/>
              </w:rPr>
              <m:t>β cosƟ</m:t>
            </m:r>
          </m:num>
          <m:den>
            <m:r>
              <w:rPr>
                <w:rFonts w:ascii="Cambria Math" w:hAnsi="Cambria Math" w:cstheme="majorBidi"/>
                <w:sz w:val="20"/>
                <w:szCs w:val="20"/>
              </w:rPr>
              <m:t>4</m:t>
            </m:r>
          </m:den>
        </m:f>
      </m:oMath>
      <w:r w:rsidR="001F7583" w:rsidRPr="00B143FF">
        <w:rPr>
          <w:rFonts w:asciiTheme="majorBidi" w:hAnsiTheme="majorBidi" w:cstheme="majorBidi"/>
          <w:sz w:val="20"/>
          <w:szCs w:val="20"/>
        </w:rPr>
        <w:t xml:space="preserve">                                                                                  </w:t>
      </w:r>
      <w:r w:rsidRPr="00B143FF">
        <w:rPr>
          <w:rFonts w:asciiTheme="majorBidi" w:hAnsiTheme="majorBidi" w:cstheme="majorBidi"/>
          <w:sz w:val="20"/>
          <w:szCs w:val="20"/>
        </w:rPr>
        <w:t>(3)</w:t>
      </w:r>
    </w:p>
    <w:p w14:paraId="4C5547C0" w14:textId="4916E4C1" w:rsidR="00BF1342" w:rsidRPr="00B143FF" w:rsidRDefault="00BF1342" w:rsidP="00B50831">
      <w:pPr>
        <w:tabs>
          <w:tab w:val="left" w:pos="90"/>
        </w:tabs>
        <w:spacing w:line="240" w:lineRule="auto"/>
        <w:jc w:val="right"/>
        <w:rPr>
          <w:rFonts w:asciiTheme="majorBidi" w:hAnsiTheme="majorBidi" w:cstheme="majorBidi"/>
          <w:sz w:val="20"/>
          <w:szCs w:val="20"/>
        </w:rPr>
      </w:pPr>
      <w:r w:rsidRPr="00B143FF">
        <w:rPr>
          <w:rFonts w:asciiTheme="majorBidi" w:hAnsiTheme="majorBidi" w:cstheme="majorBidi"/>
          <w:sz w:val="20"/>
          <w:szCs w:val="20"/>
        </w:rPr>
        <w:t>N</w:t>
      </w:r>
      <w:r w:rsidRPr="00B143FF">
        <w:rPr>
          <w:rFonts w:asciiTheme="majorBidi" w:hAnsiTheme="majorBidi" w:cstheme="majorBidi"/>
          <w:sz w:val="20"/>
          <w:szCs w:val="20"/>
          <w:vertAlign w:val="subscript"/>
        </w:rPr>
        <w:t>o</w:t>
      </w:r>
      <w:r w:rsidRPr="00B143FF">
        <w:rPr>
          <w:rFonts w:asciiTheme="majorBidi" w:hAnsiTheme="majorBidi" w:cstheme="majorBidi"/>
          <w:sz w:val="20"/>
          <w:szCs w:val="20"/>
        </w:rPr>
        <w:t xml:space="preserve"> </w:t>
      </w:r>
      <w:r w:rsidRPr="00B143FF">
        <w:rPr>
          <w:rFonts w:asciiTheme="majorBidi" w:hAnsiTheme="majorBidi" w:cstheme="majorBidi"/>
          <w:sz w:val="20"/>
          <w:szCs w:val="20"/>
        </w:rPr>
        <w:sym w:font="Symbol" w:char="F03D"/>
      </w:r>
      <m:oMath>
        <m:f>
          <m:fPr>
            <m:ctrlPr>
              <w:rPr>
                <w:rFonts w:ascii="Cambria Math" w:hAnsi="Cambria Math" w:cstheme="majorBidi"/>
                <w:i/>
                <w:sz w:val="20"/>
                <w:szCs w:val="20"/>
              </w:rPr>
            </m:ctrlPr>
          </m:fPr>
          <m:num>
            <m:r>
              <w:rPr>
                <w:rFonts w:ascii="Cambria Math" w:hAnsi="Cambria Math" w:cstheme="majorBidi"/>
                <w:sz w:val="20"/>
                <w:szCs w:val="20"/>
              </w:rPr>
              <m:t>t</m:t>
            </m:r>
          </m:num>
          <m:den>
            <m:r>
              <w:rPr>
                <w:rFonts w:ascii="Cambria Math" w:hAnsi="Cambria Math" w:cstheme="majorBidi"/>
                <w:sz w:val="20"/>
                <w:szCs w:val="20"/>
              </w:rPr>
              <m:t>Cs^3</m:t>
            </m:r>
          </m:den>
        </m:f>
      </m:oMath>
      <w:r w:rsidR="001F7583" w:rsidRPr="00B143FF">
        <w:rPr>
          <w:rFonts w:asciiTheme="majorBidi" w:hAnsiTheme="majorBidi" w:cstheme="majorBidi"/>
          <w:sz w:val="20"/>
          <w:szCs w:val="20"/>
        </w:rPr>
        <w:t xml:space="preserve">                                                                             </w:t>
      </w:r>
      <w:r w:rsidR="00B143FF" w:rsidRPr="00B143FF">
        <w:rPr>
          <w:rFonts w:asciiTheme="majorBidi" w:hAnsiTheme="majorBidi" w:cstheme="majorBidi"/>
          <w:sz w:val="20"/>
          <w:szCs w:val="20"/>
        </w:rPr>
        <w:t xml:space="preserve">    </w:t>
      </w:r>
      <w:r w:rsidR="001F7583" w:rsidRPr="00B143FF">
        <w:rPr>
          <w:rFonts w:asciiTheme="majorBidi" w:hAnsiTheme="majorBidi" w:cstheme="majorBidi"/>
          <w:sz w:val="20"/>
          <w:szCs w:val="20"/>
        </w:rPr>
        <w:t xml:space="preserve">  </w:t>
      </w:r>
      <w:r w:rsidRPr="00B143FF">
        <w:rPr>
          <w:rFonts w:asciiTheme="majorBidi" w:hAnsiTheme="majorBidi" w:cstheme="majorBidi"/>
          <w:sz w:val="20"/>
          <w:szCs w:val="20"/>
        </w:rPr>
        <w:t>(4)</w:t>
      </w:r>
    </w:p>
    <w:p w14:paraId="7EAE7BAB" w14:textId="0C6BB54E" w:rsidR="00941C73" w:rsidRPr="00FC3143" w:rsidRDefault="00B01E45" w:rsidP="00B50831">
      <w:pPr>
        <w:tabs>
          <w:tab w:val="left" w:pos="90"/>
        </w:tabs>
        <w:spacing w:line="240" w:lineRule="auto"/>
        <w:rPr>
          <w:rFonts w:asciiTheme="majorBidi" w:hAnsiTheme="majorBidi" w:cstheme="majorBidi"/>
          <w:sz w:val="20"/>
          <w:szCs w:val="20"/>
        </w:rPr>
      </w:pPr>
      <w:r w:rsidRPr="00FC3143">
        <w:rPr>
          <w:rFonts w:asciiTheme="majorBidi" w:hAnsiTheme="majorBidi" w:cstheme="majorBidi"/>
          <w:sz w:val="20"/>
          <w:szCs w:val="20"/>
        </w:rPr>
        <w:t xml:space="preserve">It is also observed </w:t>
      </w:r>
      <w:r w:rsidR="00C747A0" w:rsidRPr="00FC3143">
        <w:rPr>
          <w:rFonts w:asciiTheme="majorBidi" w:hAnsiTheme="majorBidi" w:cstheme="majorBidi"/>
          <w:sz w:val="20"/>
          <w:szCs w:val="20"/>
        </w:rPr>
        <w:t xml:space="preserve">from table 2 the crystal size decreases 32.9 to 24.6nm with </w:t>
      </w:r>
      <w:r w:rsidR="0039720C" w:rsidRPr="00FC3143">
        <w:rPr>
          <w:rFonts w:asciiTheme="majorBidi" w:hAnsiTheme="majorBidi" w:cstheme="majorBidi"/>
          <w:sz w:val="20"/>
          <w:szCs w:val="20"/>
        </w:rPr>
        <w:t>increase</w:t>
      </w:r>
      <w:r w:rsidRPr="00FC3143">
        <w:rPr>
          <w:rFonts w:asciiTheme="majorBidi" w:hAnsiTheme="majorBidi" w:cstheme="majorBidi"/>
          <w:sz w:val="20"/>
          <w:szCs w:val="20"/>
        </w:rPr>
        <w:t xml:space="preserve"> oxidat</w:t>
      </w:r>
      <w:r w:rsidR="0039720C" w:rsidRPr="00FC3143">
        <w:rPr>
          <w:rFonts w:asciiTheme="majorBidi" w:hAnsiTheme="majorBidi" w:cstheme="majorBidi"/>
          <w:sz w:val="20"/>
          <w:szCs w:val="20"/>
        </w:rPr>
        <w:t>ion temp. from</w:t>
      </w:r>
      <w:r w:rsidRPr="00FC3143">
        <w:rPr>
          <w:rFonts w:asciiTheme="majorBidi" w:hAnsiTheme="majorBidi" w:cstheme="majorBidi"/>
          <w:sz w:val="20"/>
          <w:szCs w:val="20"/>
        </w:rPr>
        <w:t xml:space="preserve"> 300 </w:t>
      </w:r>
      <w:r w:rsidRPr="00FC3143">
        <w:rPr>
          <w:rFonts w:asciiTheme="majorBidi" w:hAnsiTheme="majorBidi" w:cstheme="majorBidi"/>
          <w:sz w:val="20"/>
          <w:szCs w:val="20"/>
          <w:vertAlign w:val="superscript"/>
        </w:rPr>
        <w:t>o</w:t>
      </w:r>
      <w:r w:rsidRPr="00FC3143">
        <w:rPr>
          <w:rFonts w:asciiTheme="majorBidi" w:hAnsiTheme="majorBidi" w:cstheme="majorBidi"/>
          <w:sz w:val="20"/>
          <w:szCs w:val="20"/>
        </w:rPr>
        <w:t xml:space="preserve"> C </w:t>
      </w:r>
      <w:r w:rsidR="0039720C" w:rsidRPr="00FC3143">
        <w:rPr>
          <w:rFonts w:asciiTheme="majorBidi" w:hAnsiTheme="majorBidi" w:cstheme="majorBidi"/>
          <w:sz w:val="20"/>
          <w:szCs w:val="20"/>
        </w:rPr>
        <w:t>to</w:t>
      </w:r>
      <w:r w:rsidRPr="00FC3143">
        <w:rPr>
          <w:rFonts w:asciiTheme="majorBidi" w:hAnsiTheme="majorBidi" w:cstheme="majorBidi"/>
          <w:sz w:val="20"/>
          <w:szCs w:val="20"/>
        </w:rPr>
        <w:t xml:space="preserve"> 400 </w:t>
      </w:r>
      <w:r w:rsidRPr="00FC3143">
        <w:rPr>
          <w:rFonts w:asciiTheme="majorBidi" w:hAnsiTheme="majorBidi" w:cstheme="majorBidi"/>
          <w:sz w:val="20"/>
          <w:szCs w:val="20"/>
          <w:vertAlign w:val="superscript"/>
        </w:rPr>
        <w:t>o</w:t>
      </w:r>
      <w:r w:rsidRPr="00FC3143">
        <w:rPr>
          <w:rFonts w:asciiTheme="majorBidi" w:hAnsiTheme="majorBidi" w:cstheme="majorBidi"/>
          <w:sz w:val="20"/>
          <w:szCs w:val="20"/>
        </w:rPr>
        <w:t xml:space="preserve"> </w:t>
      </w:r>
      <w:r w:rsidR="001F7583" w:rsidRPr="00FC3143">
        <w:rPr>
          <w:rFonts w:asciiTheme="majorBidi" w:hAnsiTheme="majorBidi" w:cstheme="majorBidi"/>
          <w:sz w:val="20"/>
          <w:szCs w:val="20"/>
        </w:rPr>
        <w:t>C</w:t>
      </w:r>
      <w:r w:rsidR="000B3CDE">
        <w:rPr>
          <w:rFonts w:asciiTheme="majorBidi" w:hAnsiTheme="majorBidi" w:cstheme="majorBidi"/>
          <w:sz w:val="20"/>
          <w:szCs w:val="20"/>
        </w:rPr>
        <w:t>.</w:t>
      </w:r>
      <w:r w:rsidRPr="00FC3143">
        <w:rPr>
          <w:rFonts w:asciiTheme="majorBidi" w:hAnsiTheme="majorBidi" w:cstheme="majorBidi"/>
          <w:sz w:val="20"/>
          <w:szCs w:val="20"/>
        </w:rPr>
        <w:t xml:space="preserve"> </w:t>
      </w:r>
    </w:p>
    <w:p w14:paraId="49D15604" w14:textId="462CDDD4" w:rsidR="00BF1342" w:rsidRPr="006F25F6" w:rsidRDefault="00E36955" w:rsidP="00B50831">
      <w:pPr>
        <w:tabs>
          <w:tab w:val="left" w:pos="90"/>
        </w:tabs>
        <w:spacing w:line="240" w:lineRule="auto"/>
        <w:jc w:val="center"/>
        <w:rPr>
          <w:rFonts w:asciiTheme="majorBidi" w:hAnsiTheme="majorBidi" w:cstheme="majorBidi"/>
          <w:sz w:val="18"/>
          <w:szCs w:val="18"/>
        </w:rPr>
      </w:pPr>
      <w:r w:rsidRPr="006F25F6">
        <w:rPr>
          <w:rFonts w:asciiTheme="majorBidi" w:hAnsiTheme="majorBidi" w:cstheme="majorBidi"/>
          <w:b/>
          <w:bCs/>
          <w:sz w:val="18"/>
          <w:szCs w:val="18"/>
        </w:rPr>
        <w:t>TABLE 2.</w:t>
      </w:r>
      <w:r w:rsidRPr="006F25F6">
        <w:rPr>
          <w:rFonts w:asciiTheme="majorBidi" w:hAnsiTheme="majorBidi" w:cstheme="majorBidi"/>
          <w:sz w:val="18"/>
          <w:szCs w:val="18"/>
        </w:rPr>
        <w:t xml:space="preserve"> </w:t>
      </w:r>
      <w:r w:rsidR="00BF1342" w:rsidRPr="006F25F6">
        <w:rPr>
          <w:rFonts w:asciiTheme="majorBidi" w:hAnsiTheme="majorBidi" w:cstheme="majorBidi"/>
          <w:sz w:val="18"/>
          <w:szCs w:val="18"/>
        </w:rPr>
        <w:t xml:space="preserve">hkl, </w:t>
      </w:r>
      <w:r w:rsidR="00BF1342" w:rsidRPr="00823D52">
        <w:rPr>
          <w:rFonts w:asciiTheme="majorBidi" w:hAnsiTheme="majorBidi" w:cstheme="majorBidi"/>
          <w:sz w:val="18"/>
          <w:szCs w:val="18"/>
        </w:rPr>
        <w:t>2θ , phase , Cs, δ ,</w:t>
      </w:r>
      <w:r w:rsidR="00823D52">
        <w:rPr>
          <w:rFonts w:asciiTheme="majorBidi" w:hAnsiTheme="majorBidi" w:cstheme="majorBidi"/>
          <w:sz w:val="18"/>
          <w:szCs w:val="18"/>
        </w:rPr>
        <w:t xml:space="preserve"> </w:t>
      </w:r>
      <w:r w:rsidR="00BF1342" w:rsidRPr="00823D52">
        <w:rPr>
          <w:rFonts w:asciiTheme="majorBidi" w:hAnsiTheme="majorBidi" w:cstheme="majorBidi"/>
          <w:sz w:val="18"/>
          <w:szCs w:val="18"/>
        </w:rPr>
        <w:t>ε</w:t>
      </w:r>
      <w:r w:rsidR="00BF1342" w:rsidRPr="006F25F6">
        <w:rPr>
          <w:rFonts w:asciiTheme="majorBidi" w:hAnsiTheme="majorBidi" w:cstheme="majorBidi"/>
          <w:sz w:val="18"/>
          <w:szCs w:val="18"/>
        </w:rPr>
        <w:t xml:space="preserve"> and N</w:t>
      </w:r>
      <w:r w:rsidR="00BF1342" w:rsidRPr="006F25F6">
        <w:rPr>
          <w:rFonts w:asciiTheme="majorBidi" w:hAnsiTheme="majorBidi" w:cstheme="majorBidi"/>
          <w:sz w:val="18"/>
          <w:szCs w:val="18"/>
          <w:vertAlign w:val="subscript"/>
        </w:rPr>
        <w:t>o</w:t>
      </w:r>
    </w:p>
    <w:tbl>
      <w:tblPr>
        <w:tblStyle w:val="TableGrid"/>
        <w:bidiVisual/>
        <w:tblW w:w="9360" w:type="dxa"/>
        <w:tblInd w:w="18" w:type="dxa"/>
        <w:tblLayout w:type="fixed"/>
        <w:tblLook w:val="04A0" w:firstRow="1" w:lastRow="0" w:firstColumn="1" w:lastColumn="0" w:noHBand="0" w:noVBand="1"/>
      </w:tblPr>
      <w:tblGrid>
        <w:gridCol w:w="900"/>
        <w:gridCol w:w="1080"/>
        <w:gridCol w:w="1440"/>
        <w:gridCol w:w="1080"/>
        <w:gridCol w:w="1178"/>
        <w:gridCol w:w="262"/>
        <w:gridCol w:w="720"/>
        <w:gridCol w:w="810"/>
        <w:gridCol w:w="720"/>
        <w:gridCol w:w="1170"/>
      </w:tblGrid>
      <w:tr w:rsidR="00631603" w:rsidRPr="00FC3143" w14:paraId="56015623" w14:textId="77777777" w:rsidTr="00F8217E">
        <w:trPr>
          <w:trHeight w:val="404"/>
        </w:trPr>
        <w:tc>
          <w:tcPr>
            <w:tcW w:w="900" w:type="dxa"/>
            <w:tcBorders>
              <w:top w:val="single" w:sz="4" w:space="0" w:color="auto"/>
              <w:left w:val="nil"/>
              <w:bottom w:val="single" w:sz="4" w:space="0" w:color="auto"/>
              <w:right w:val="nil"/>
            </w:tcBorders>
            <w:hideMark/>
          </w:tcPr>
          <w:p w14:paraId="7EDDABAB" w14:textId="77777777" w:rsidR="00631603" w:rsidRPr="002C0F16" w:rsidRDefault="00631603" w:rsidP="00B50831">
            <w:pPr>
              <w:tabs>
                <w:tab w:val="left" w:pos="90"/>
              </w:tabs>
              <w:spacing w:after="200"/>
              <w:rPr>
                <w:rFonts w:asciiTheme="majorBidi" w:hAnsiTheme="majorBidi" w:cstheme="majorBidi"/>
                <w:b/>
                <w:bCs/>
                <w:sz w:val="18"/>
                <w:szCs w:val="18"/>
              </w:rPr>
            </w:pPr>
            <w:r w:rsidRPr="002C0F16">
              <w:rPr>
                <w:rFonts w:asciiTheme="majorBidi" w:hAnsiTheme="majorBidi" w:cstheme="majorBidi"/>
                <w:b/>
                <w:bCs/>
                <w:sz w:val="18"/>
                <w:szCs w:val="18"/>
              </w:rPr>
              <w:t>N</w:t>
            </w:r>
            <w:r w:rsidRPr="002C0F16">
              <w:rPr>
                <w:rFonts w:asciiTheme="majorBidi" w:hAnsiTheme="majorBidi" w:cstheme="majorBidi"/>
                <w:b/>
                <w:bCs/>
                <w:sz w:val="18"/>
                <w:szCs w:val="18"/>
                <w:vertAlign w:val="subscript"/>
              </w:rPr>
              <w:t>o</w:t>
            </w:r>
          </w:p>
        </w:tc>
        <w:tc>
          <w:tcPr>
            <w:tcW w:w="1080" w:type="dxa"/>
            <w:tcBorders>
              <w:top w:val="single" w:sz="4" w:space="0" w:color="auto"/>
              <w:left w:val="nil"/>
              <w:bottom w:val="single" w:sz="4" w:space="0" w:color="auto"/>
              <w:right w:val="nil"/>
            </w:tcBorders>
            <w:hideMark/>
          </w:tcPr>
          <w:p w14:paraId="190FC59F" w14:textId="77777777" w:rsidR="00631603" w:rsidRPr="002C0F16" w:rsidRDefault="00631603" w:rsidP="00B50831">
            <w:pPr>
              <w:tabs>
                <w:tab w:val="left" w:pos="90"/>
              </w:tabs>
              <w:spacing w:after="200"/>
              <w:rPr>
                <w:rFonts w:asciiTheme="majorBidi" w:hAnsiTheme="majorBidi" w:cstheme="majorBidi"/>
                <w:b/>
                <w:bCs/>
                <w:sz w:val="18"/>
                <w:szCs w:val="18"/>
              </w:rPr>
            </w:pPr>
            <w:r w:rsidRPr="002C0F16">
              <w:rPr>
                <w:rFonts w:asciiTheme="majorBidi" w:hAnsiTheme="majorBidi" w:cstheme="majorBidi"/>
                <w:b/>
                <w:bCs/>
                <w:sz w:val="18"/>
                <w:szCs w:val="18"/>
              </w:rPr>
              <w:t xml:space="preserve"> ɛ*10</w:t>
            </w:r>
            <w:r w:rsidRPr="002C0F16">
              <w:rPr>
                <w:rFonts w:asciiTheme="majorBidi" w:hAnsiTheme="majorBidi" w:cstheme="majorBidi"/>
                <w:b/>
                <w:bCs/>
                <w:sz w:val="18"/>
                <w:szCs w:val="18"/>
                <w:vertAlign w:val="superscript"/>
              </w:rPr>
              <w:t>-3</w:t>
            </w:r>
          </w:p>
        </w:tc>
        <w:tc>
          <w:tcPr>
            <w:tcW w:w="1440" w:type="dxa"/>
            <w:tcBorders>
              <w:top w:val="single" w:sz="4" w:space="0" w:color="auto"/>
              <w:left w:val="nil"/>
              <w:bottom w:val="single" w:sz="4" w:space="0" w:color="auto"/>
              <w:right w:val="nil"/>
            </w:tcBorders>
            <w:hideMark/>
          </w:tcPr>
          <w:p w14:paraId="0D1D1A0A" w14:textId="77777777" w:rsidR="00631603" w:rsidRPr="002C0F16" w:rsidRDefault="00631603" w:rsidP="00B50831">
            <w:pPr>
              <w:tabs>
                <w:tab w:val="left" w:pos="90"/>
              </w:tabs>
              <w:spacing w:after="200"/>
              <w:rPr>
                <w:rFonts w:asciiTheme="majorBidi" w:hAnsiTheme="majorBidi" w:cstheme="majorBidi"/>
                <w:b/>
                <w:bCs/>
                <w:sz w:val="18"/>
                <w:szCs w:val="18"/>
                <w:rtl/>
                <w:lang w:bidi="ar-IQ"/>
              </w:rPr>
            </w:pPr>
            <w:r w:rsidRPr="002C0F16">
              <w:rPr>
                <w:rFonts w:asciiTheme="majorBidi" w:hAnsiTheme="majorBidi" w:cstheme="majorBidi"/>
                <w:b/>
                <w:bCs/>
                <w:sz w:val="18"/>
                <w:szCs w:val="18"/>
              </w:rPr>
              <w:t>δ (line/m</w:t>
            </w:r>
            <w:r w:rsidRPr="002C0F16">
              <w:rPr>
                <w:rFonts w:asciiTheme="majorBidi" w:hAnsiTheme="majorBidi" w:cstheme="majorBidi"/>
                <w:b/>
                <w:bCs/>
                <w:sz w:val="18"/>
                <w:szCs w:val="18"/>
                <w:vertAlign w:val="superscript"/>
              </w:rPr>
              <w:t>2</w:t>
            </w:r>
            <w:r w:rsidRPr="002C0F16">
              <w:rPr>
                <w:rFonts w:asciiTheme="majorBidi" w:hAnsiTheme="majorBidi" w:cstheme="majorBidi"/>
                <w:b/>
                <w:bCs/>
                <w:sz w:val="18"/>
                <w:szCs w:val="18"/>
              </w:rPr>
              <w:t>*10</w:t>
            </w:r>
            <w:r w:rsidRPr="002C0F16">
              <w:rPr>
                <w:rFonts w:asciiTheme="majorBidi" w:hAnsiTheme="majorBidi" w:cstheme="majorBidi"/>
                <w:b/>
                <w:bCs/>
                <w:sz w:val="18"/>
                <w:szCs w:val="18"/>
                <w:vertAlign w:val="superscript"/>
              </w:rPr>
              <w:t>-3</w:t>
            </w:r>
          </w:p>
        </w:tc>
        <w:tc>
          <w:tcPr>
            <w:tcW w:w="1080" w:type="dxa"/>
            <w:tcBorders>
              <w:top w:val="single" w:sz="4" w:space="0" w:color="auto"/>
              <w:left w:val="nil"/>
              <w:bottom w:val="single" w:sz="4" w:space="0" w:color="auto"/>
              <w:right w:val="nil"/>
            </w:tcBorders>
            <w:hideMark/>
          </w:tcPr>
          <w:p w14:paraId="307CAABB" w14:textId="77777777" w:rsidR="00631603" w:rsidRPr="002C0F16" w:rsidRDefault="00631603" w:rsidP="00B50831">
            <w:pPr>
              <w:tabs>
                <w:tab w:val="left" w:pos="90"/>
              </w:tabs>
              <w:spacing w:after="200"/>
              <w:rPr>
                <w:rFonts w:asciiTheme="majorBidi" w:hAnsiTheme="majorBidi" w:cstheme="majorBidi"/>
                <w:b/>
                <w:bCs/>
                <w:sz w:val="18"/>
                <w:szCs w:val="18"/>
                <w:rtl/>
                <w:lang w:bidi="ar-IQ"/>
              </w:rPr>
            </w:pPr>
            <w:r w:rsidRPr="002C0F16">
              <w:rPr>
                <w:rFonts w:asciiTheme="majorBidi" w:hAnsiTheme="majorBidi" w:cstheme="majorBidi"/>
                <w:b/>
                <w:bCs/>
                <w:sz w:val="18"/>
                <w:szCs w:val="18"/>
              </w:rPr>
              <w:t>C.s nm</w:t>
            </w:r>
          </w:p>
        </w:tc>
        <w:tc>
          <w:tcPr>
            <w:tcW w:w="1440" w:type="dxa"/>
            <w:gridSpan w:val="2"/>
            <w:tcBorders>
              <w:top w:val="single" w:sz="4" w:space="0" w:color="auto"/>
              <w:left w:val="nil"/>
              <w:bottom w:val="single" w:sz="4" w:space="0" w:color="auto"/>
              <w:right w:val="nil"/>
            </w:tcBorders>
            <w:hideMark/>
          </w:tcPr>
          <w:p w14:paraId="781CE1A8" w14:textId="731FF208" w:rsidR="00631603" w:rsidRPr="002C0F16" w:rsidRDefault="00631603" w:rsidP="00B50831">
            <w:pPr>
              <w:tabs>
                <w:tab w:val="left" w:pos="90"/>
              </w:tabs>
              <w:spacing w:after="200"/>
              <w:rPr>
                <w:rFonts w:asciiTheme="majorBidi" w:hAnsiTheme="majorBidi" w:cstheme="majorBidi"/>
                <w:b/>
                <w:bCs/>
                <w:sz w:val="18"/>
                <w:szCs w:val="18"/>
              </w:rPr>
            </w:pPr>
            <w:r w:rsidRPr="002C0F16">
              <w:rPr>
                <w:rFonts w:asciiTheme="majorBidi" w:hAnsiTheme="majorBidi" w:cstheme="majorBidi"/>
                <w:b/>
                <w:bCs/>
                <w:sz w:val="18"/>
                <w:szCs w:val="18"/>
              </w:rPr>
              <w:t>β</w:t>
            </w:r>
            <w:r w:rsidRPr="002C0F16">
              <w:rPr>
                <w:rFonts w:asciiTheme="majorBidi" w:hAnsiTheme="majorBidi" w:cstheme="majorBidi"/>
                <w:b/>
                <w:bCs/>
                <w:sz w:val="18"/>
                <w:szCs w:val="18"/>
                <w:vertAlign w:val="subscript"/>
              </w:rPr>
              <w:t>FHWM</w:t>
            </w:r>
            <w:r w:rsidRPr="002C0F16">
              <w:rPr>
                <w:rFonts w:asciiTheme="majorBidi" w:hAnsiTheme="majorBidi" w:cstheme="majorBidi"/>
                <w:b/>
                <w:bCs/>
                <w:sz w:val="18"/>
                <w:szCs w:val="18"/>
              </w:rPr>
              <w:t>deg</w:t>
            </w:r>
          </w:p>
        </w:tc>
        <w:tc>
          <w:tcPr>
            <w:tcW w:w="720" w:type="dxa"/>
            <w:tcBorders>
              <w:top w:val="single" w:sz="4" w:space="0" w:color="auto"/>
              <w:left w:val="nil"/>
              <w:bottom w:val="single" w:sz="4" w:space="0" w:color="auto"/>
              <w:right w:val="nil"/>
            </w:tcBorders>
            <w:hideMark/>
          </w:tcPr>
          <w:p w14:paraId="0709D45C" w14:textId="77777777" w:rsidR="00631603" w:rsidRPr="002C0F16" w:rsidRDefault="00631603" w:rsidP="00B50831">
            <w:pPr>
              <w:tabs>
                <w:tab w:val="left" w:pos="90"/>
              </w:tabs>
              <w:spacing w:after="200"/>
              <w:rPr>
                <w:rFonts w:asciiTheme="majorBidi" w:hAnsiTheme="majorBidi" w:cstheme="majorBidi"/>
                <w:b/>
                <w:bCs/>
                <w:sz w:val="18"/>
                <w:szCs w:val="18"/>
                <w:rtl/>
                <w:lang w:bidi="ar-IQ"/>
              </w:rPr>
            </w:pPr>
            <w:r w:rsidRPr="002C0F16">
              <w:rPr>
                <w:rFonts w:asciiTheme="majorBidi" w:hAnsiTheme="majorBidi" w:cstheme="majorBidi"/>
                <w:b/>
                <w:bCs/>
                <w:sz w:val="18"/>
                <w:szCs w:val="18"/>
              </w:rPr>
              <w:t>phase</w:t>
            </w:r>
          </w:p>
        </w:tc>
        <w:tc>
          <w:tcPr>
            <w:tcW w:w="810" w:type="dxa"/>
            <w:tcBorders>
              <w:top w:val="single" w:sz="4" w:space="0" w:color="auto"/>
              <w:left w:val="nil"/>
              <w:bottom w:val="single" w:sz="4" w:space="0" w:color="auto"/>
              <w:right w:val="nil"/>
            </w:tcBorders>
            <w:hideMark/>
          </w:tcPr>
          <w:p w14:paraId="1F24774F" w14:textId="77777777" w:rsidR="00631603" w:rsidRPr="002C0F16" w:rsidRDefault="00631603" w:rsidP="00B50831">
            <w:pPr>
              <w:tabs>
                <w:tab w:val="left" w:pos="90"/>
              </w:tabs>
              <w:spacing w:after="200"/>
              <w:rPr>
                <w:rFonts w:asciiTheme="majorBidi" w:hAnsiTheme="majorBidi" w:cstheme="majorBidi"/>
                <w:b/>
                <w:bCs/>
                <w:sz w:val="18"/>
                <w:szCs w:val="18"/>
              </w:rPr>
            </w:pPr>
            <w:r w:rsidRPr="002C0F16">
              <w:rPr>
                <w:rFonts w:asciiTheme="majorBidi" w:hAnsiTheme="majorBidi" w:cstheme="majorBidi"/>
                <w:b/>
                <w:bCs/>
                <w:sz w:val="18"/>
                <w:szCs w:val="18"/>
              </w:rPr>
              <w:t>2Ɵ</w:t>
            </w:r>
            <w:r w:rsidRPr="002C0F16">
              <w:rPr>
                <w:rFonts w:asciiTheme="majorBidi" w:hAnsiTheme="majorBidi" w:cstheme="majorBidi"/>
                <w:b/>
                <w:bCs/>
                <w:sz w:val="18"/>
                <w:szCs w:val="18"/>
                <w:vertAlign w:val="subscript"/>
              </w:rPr>
              <w:t>abs.</w:t>
            </w:r>
          </w:p>
        </w:tc>
        <w:tc>
          <w:tcPr>
            <w:tcW w:w="720" w:type="dxa"/>
            <w:tcBorders>
              <w:top w:val="single" w:sz="4" w:space="0" w:color="auto"/>
              <w:left w:val="nil"/>
              <w:bottom w:val="single" w:sz="4" w:space="0" w:color="auto"/>
              <w:right w:val="nil"/>
            </w:tcBorders>
            <w:hideMark/>
          </w:tcPr>
          <w:p w14:paraId="5501D9C7" w14:textId="77777777" w:rsidR="00631603" w:rsidRPr="002C0F16" w:rsidRDefault="00631603" w:rsidP="00B50831">
            <w:pPr>
              <w:tabs>
                <w:tab w:val="left" w:pos="90"/>
              </w:tabs>
              <w:spacing w:after="200"/>
              <w:rPr>
                <w:rFonts w:asciiTheme="majorBidi" w:hAnsiTheme="majorBidi" w:cstheme="majorBidi"/>
                <w:b/>
                <w:bCs/>
                <w:sz w:val="18"/>
                <w:szCs w:val="18"/>
                <w:rtl/>
                <w:lang w:bidi="ar-IQ"/>
              </w:rPr>
            </w:pPr>
            <w:r w:rsidRPr="002C0F16">
              <w:rPr>
                <w:rFonts w:asciiTheme="majorBidi" w:hAnsiTheme="majorBidi" w:cstheme="majorBidi"/>
                <w:b/>
                <w:bCs/>
                <w:sz w:val="18"/>
                <w:szCs w:val="18"/>
              </w:rPr>
              <w:t>Hkl</w:t>
            </w:r>
          </w:p>
        </w:tc>
        <w:tc>
          <w:tcPr>
            <w:tcW w:w="1170" w:type="dxa"/>
            <w:tcBorders>
              <w:top w:val="single" w:sz="4" w:space="0" w:color="auto"/>
              <w:left w:val="nil"/>
              <w:bottom w:val="single" w:sz="4" w:space="0" w:color="auto"/>
              <w:right w:val="nil"/>
            </w:tcBorders>
            <w:hideMark/>
          </w:tcPr>
          <w:p w14:paraId="430C9D74" w14:textId="4246DE7D" w:rsidR="00631603" w:rsidRPr="002C0F16" w:rsidRDefault="00631603" w:rsidP="00B50831">
            <w:pPr>
              <w:tabs>
                <w:tab w:val="left" w:pos="90"/>
              </w:tabs>
              <w:spacing w:after="200"/>
              <w:rPr>
                <w:rFonts w:asciiTheme="majorBidi" w:hAnsiTheme="majorBidi" w:cstheme="majorBidi"/>
                <w:b/>
                <w:bCs/>
                <w:sz w:val="18"/>
                <w:szCs w:val="18"/>
              </w:rPr>
            </w:pPr>
            <w:r w:rsidRPr="002C0F16">
              <w:rPr>
                <w:rFonts w:asciiTheme="majorBidi" w:hAnsiTheme="majorBidi" w:cstheme="majorBidi"/>
                <w:b/>
                <w:bCs/>
                <w:sz w:val="18"/>
                <w:szCs w:val="18"/>
              </w:rPr>
              <w:t>Temp.</w:t>
            </w:r>
            <w:r w:rsidR="00E36955">
              <w:rPr>
                <w:rFonts w:asciiTheme="majorBidi" w:hAnsiTheme="majorBidi" w:cstheme="majorBidi"/>
                <w:b/>
                <w:bCs/>
                <w:sz w:val="18"/>
                <w:szCs w:val="18"/>
              </w:rPr>
              <w:t xml:space="preserve"> </w:t>
            </w:r>
            <w:r w:rsidRPr="002C0F16">
              <w:rPr>
                <w:rFonts w:asciiTheme="majorBidi" w:hAnsiTheme="majorBidi" w:cstheme="majorBidi"/>
                <w:b/>
                <w:bCs/>
                <w:sz w:val="18"/>
                <w:szCs w:val="18"/>
              </w:rPr>
              <w:t>(</w:t>
            </w:r>
            <m:oMath>
              <m:r>
                <m:rPr>
                  <m:sty m:val="bi"/>
                </m:rPr>
                <w:rPr>
                  <w:rFonts w:ascii="Cambria Math" w:hAnsi="Cambria Math" w:cstheme="majorBidi"/>
                  <w:sz w:val="18"/>
                  <w:szCs w:val="18"/>
                  <w:rtl/>
                  <w:lang w:bidi="ar-IQ"/>
                </w:rPr>
                <m:t>℃</m:t>
              </m:r>
            </m:oMath>
            <w:r w:rsidRPr="002C0F16">
              <w:rPr>
                <w:rFonts w:asciiTheme="majorBidi" w:hAnsiTheme="majorBidi" w:cstheme="majorBidi"/>
                <w:b/>
                <w:bCs/>
                <w:sz w:val="18"/>
                <w:szCs w:val="18"/>
              </w:rPr>
              <w:t>)</w:t>
            </w:r>
          </w:p>
        </w:tc>
      </w:tr>
      <w:tr w:rsidR="00631603" w:rsidRPr="00FC3143" w14:paraId="513A4C8F" w14:textId="77777777" w:rsidTr="00F8217E">
        <w:tc>
          <w:tcPr>
            <w:tcW w:w="900" w:type="dxa"/>
            <w:tcBorders>
              <w:top w:val="nil"/>
              <w:left w:val="nil"/>
              <w:bottom w:val="nil"/>
              <w:right w:val="nil"/>
            </w:tcBorders>
            <w:hideMark/>
          </w:tcPr>
          <w:p w14:paraId="0C52653E"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0.0113</w:t>
            </w:r>
          </w:p>
        </w:tc>
        <w:tc>
          <w:tcPr>
            <w:tcW w:w="1080" w:type="dxa"/>
            <w:tcBorders>
              <w:top w:val="nil"/>
              <w:left w:val="nil"/>
              <w:bottom w:val="nil"/>
              <w:right w:val="nil"/>
            </w:tcBorders>
            <w:hideMark/>
          </w:tcPr>
          <w:p w14:paraId="5002BDE9"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1.102</w:t>
            </w:r>
          </w:p>
        </w:tc>
        <w:tc>
          <w:tcPr>
            <w:tcW w:w="1440" w:type="dxa"/>
            <w:tcBorders>
              <w:top w:val="nil"/>
              <w:left w:val="nil"/>
              <w:bottom w:val="nil"/>
              <w:right w:val="nil"/>
            </w:tcBorders>
            <w:hideMark/>
          </w:tcPr>
          <w:p w14:paraId="143C6AF0"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0.9284</w:t>
            </w:r>
          </w:p>
        </w:tc>
        <w:tc>
          <w:tcPr>
            <w:tcW w:w="1080" w:type="dxa"/>
            <w:tcBorders>
              <w:top w:val="nil"/>
              <w:left w:val="nil"/>
              <w:bottom w:val="nil"/>
              <w:right w:val="nil"/>
            </w:tcBorders>
            <w:hideMark/>
          </w:tcPr>
          <w:p w14:paraId="6CDF441D"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32.818</w:t>
            </w:r>
          </w:p>
        </w:tc>
        <w:tc>
          <w:tcPr>
            <w:tcW w:w="1178" w:type="dxa"/>
            <w:tcBorders>
              <w:top w:val="nil"/>
              <w:left w:val="nil"/>
              <w:bottom w:val="nil"/>
              <w:right w:val="nil"/>
            </w:tcBorders>
            <w:hideMark/>
          </w:tcPr>
          <w:p w14:paraId="4C44FEF3"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0.2623</w:t>
            </w:r>
          </w:p>
        </w:tc>
        <w:tc>
          <w:tcPr>
            <w:tcW w:w="982" w:type="dxa"/>
            <w:gridSpan w:val="2"/>
            <w:tcBorders>
              <w:top w:val="nil"/>
              <w:left w:val="nil"/>
              <w:bottom w:val="nil"/>
              <w:right w:val="nil"/>
            </w:tcBorders>
            <w:hideMark/>
          </w:tcPr>
          <w:p w14:paraId="0DF59835"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SnO</w:t>
            </w:r>
            <w:r w:rsidRPr="002A4ADB">
              <w:rPr>
                <w:rFonts w:asciiTheme="majorBidi" w:hAnsiTheme="majorBidi" w:cstheme="majorBidi"/>
                <w:sz w:val="20"/>
                <w:szCs w:val="20"/>
                <w:vertAlign w:val="subscript"/>
              </w:rPr>
              <w:t>2</w:t>
            </w:r>
          </w:p>
        </w:tc>
        <w:tc>
          <w:tcPr>
            <w:tcW w:w="810" w:type="dxa"/>
            <w:tcBorders>
              <w:top w:val="nil"/>
              <w:left w:val="nil"/>
              <w:bottom w:val="nil"/>
              <w:right w:val="nil"/>
            </w:tcBorders>
            <w:hideMark/>
          </w:tcPr>
          <w:p w14:paraId="21DCDA42" w14:textId="77777777" w:rsidR="00631603" w:rsidRPr="00FC3143" w:rsidRDefault="00631603" w:rsidP="00B50831">
            <w:pPr>
              <w:tabs>
                <w:tab w:val="left" w:pos="90"/>
              </w:tabs>
              <w:spacing w:after="200"/>
              <w:rPr>
                <w:rFonts w:asciiTheme="majorBidi" w:hAnsiTheme="majorBidi" w:cstheme="majorBidi"/>
                <w:sz w:val="20"/>
                <w:szCs w:val="20"/>
              </w:rPr>
            </w:pPr>
            <w:r w:rsidRPr="00FC3143">
              <w:rPr>
                <w:rFonts w:asciiTheme="majorBidi" w:hAnsiTheme="majorBidi" w:cstheme="majorBidi"/>
                <w:sz w:val="20"/>
                <w:szCs w:val="20"/>
              </w:rPr>
              <w:t>30.847</w:t>
            </w:r>
          </w:p>
        </w:tc>
        <w:tc>
          <w:tcPr>
            <w:tcW w:w="720" w:type="dxa"/>
            <w:tcBorders>
              <w:top w:val="nil"/>
              <w:left w:val="nil"/>
              <w:bottom w:val="nil"/>
              <w:right w:val="nil"/>
            </w:tcBorders>
            <w:hideMark/>
          </w:tcPr>
          <w:p w14:paraId="30ADE7E0"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121</w:t>
            </w:r>
          </w:p>
        </w:tc>
        <w:tc>
          <w:tcPr>
            <w:tcW w:w="1170" w:type="dxa"/>
            <w:tcBorders>
              <w:top w:val="nil"/>
              <w:left w:val="nil"/>
              <w:bottom w:val="nil"/>
              <w:right w:val="nil"/>
            </w:tcBorders>
            <w:hideMark/>
          </w:tcPr>
          <w:p w14:paraId="1AA5444F" w14:textId="77777777" w:rsidR="00631603" w:rsidRPr="00FC3143" w:rsidRDefault="00631603" w:rsidP="00B50831">
            <w:pPr>
              <w:tabs>
                <w:tab w:val="left" w:pos="90"/>
              </w:tabs>
              <w:spacing w:after="200"/>
              <w:rPr>
                <w:rFonts w:asciiTheme="majorBidi" w:hAnsiTheme="majorBidi" w:cstheme="majorBidi"/>
                <w:sz w:val="20"/>
                <w:szCs w:val="20"/>
              </w:rPr>
            </w:pPr>
            <w:r w:rsidRPr="00FC3143">
              <w:rPr>
                <w:rFonts w:asciiTheme="majorBidi" w:hAnsiTheme="majorBidi" w:cstheme="majorBidi"/>
                <w:sz w:val="20"/>
                <w:szCs w:val="20"/>
              </w:rPr>
              <w:t>300</w:t>
            </w:r>
          </w:p>
        </w:tc>
      </w:tr>
      <w:tr w:rsidR="00631603" w:rsidRPr="00FC3143" w14:paraId="0007F237" w14:textId="77777777" w:rsidTr="00F8217E">
        <w:trPr>
          <w:trHeight w:val="310"/>
        </w:trPr>
        <w:tc>
          <w:tcPr>
            <w:tcW w:w="900" w:type="dxa"/>
            <w:tcBorders>
              <w:top w:val="nil"/>
              <w:left w:val="nil"/>
              <w:bottom w:val="single" w:sz="2" w:space="0" w:color="auto"/>
              <w:right w:val="nil"/>
            </w:tcBorders>
            <w:hideMark/>
          </w:tcPr>
          <w:p w14:paraId="4497FD30" w14:textId="77777777" w:rsidR="00631603" w:rsidRPr="00FC3143" w:rsidRDefault="00631603" w:rsidP="00B50831">
            <w:pPr>
              <w:tabs>
                <w:tab w:val="left" w:pos="90"/>
              </w:tabs>
              <w:spacing w:after="200"/>
              <w:rPr>
                <w:rFonts w:asciiTheme="majorBidi" w:hAnsiTheme="majorBidi" w:cstheme="majorBidi"/>
                <w:sz w:val="20"/>
                <w:szCs w:val="20"/>
              </w:rPr>
            </w:pPr>
            <w:r w:rsidRPr="00FC3143">
              <w:rPr>
                <w:rFonts w:asciiTheme="majorBidi" w:hAnsiTheme="majorBidi" w:cstheme="majorBidi"/>
                <w:sz w:val="20"/>
                <w:szCs w:val="20"/>
              </w:rPr>
              <w:t>0.0265</w:t>
            </w:r>
          </w:p>
        </w:tc>
        <w:tc>
          <w:tcPr>
            <w:tcW w:w="1080" w:type="dxa"/>
            <w:tcBorders>
              <w:top w:val="nil"/>
              <w:left w:val="nil"/>
              <w:bottom w:val="single" w:sz="2" w:space="0" w:color="auto"/>
              <w:right w:val="nil"/>
            </w:tcBorders>
            <w:hideMark/>
          </w:tcPr>
          <w:p w14:paraId="15D90237"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1.465</w:t>
            </w:r>
          </w:p>
        </w:tc>
        <w:tc>
          <w:tcPr>
            <w:tcW w:w="1440" w:type="dxa"/>
            <w:tcBorders>
              <w:top w:val="nil"/>
              <w:left w:val="nil"/>
              <w:bottom w:val="single" w:sz="2" w:space="0" w:color="auto"/>
              <w:right w:val="nil"/>
            </w:tcBorders>
            <w:hideMark/>
          </w:tcPr>
          <w:p w14:paraId="4136C169"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1.6402</w:t>
            </w:r>
          </w:p>
        </w:tc>
        <w:tc>
          <w:tcPr>
            <w:tcW w:w="1080" w:type="dxa"/>
            <w:tcBorders>
              <w:top w:val="nil"/>
              <w:left w:val="nil"/>
              <w:bottom w:val="single" w:sz="2" w:space="0" w:color="auto"/>
              <w:right w:val="nil"/>
            </w:tcBorders>
            <w:hideMark/>
          </w:tcPr>
          <w:p w14:paraId="6CA6B348"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24.691</w:t>
            </w:r>
          </w:p>
        </w:tc>
        <w:tc>
          <w:tcPr>
            <w:tcW w:w="1178" w:type="dxa"/>
            <w:tcBorders>
              <w:top w:val="nil"/>
              <w:left w:val="nil"/>
              <w:bottom w:val="single" w:sz="2" w:space="0" w:color="auto"/>
              <w:right w:val="nil"/>
            </w:tcBorders>
            <w:hideMark/>
          </w:tcPr>
          <w:p w14:paraId="5238BEB3"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0.3564</w:t>
            </w:r>
          </w:p>
        </w:tc>
        <w:tc>
          <w:tcPr>
            <w:tcW w:w="982" w:type="dxa"/>
            <w:gridSpan w:val="2"/>
            <w:tcBorders>
              <w:top w:val="nil"/>
              <w:left w:val="nil"/>
              <w:bottom w:val="single" w:sz="2" w:space="0" w:color="auto"/>
              <w:right w:val="nil"/>
            </w:tcBorders>
            <w:hideMark/>
          </w:tcPr>
          <w:p w14:paraId="65F8C872"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SnO</w:t>
            </w:r>
            <w:r w:rsidRPr="002A4ADB">
              <w:rPr>
                <w:rFonts w:asciiTheme="majorBidi" w:hAnsiTheme="majorBidi" w:cstheme="majorBidi"/>
                <w:sz w:val="20"/>
                <w:szCs w:val="20"/>
                <w:vertAlign w:val="subscript"/>
              </w:rPr>
              <w:t>2</w:t>
            </w:r>
          </w:p>
        </w:tc>
        <w:tc>
          <w:tcPr>
            <w:tcW w:w="810" w:type="dxa"/>
            <w:tcBorders>
              <w:top w:val="nil"/>
              <w:left w:val="nil"/>
              <w:bottom w:val="single" w:sz="2" w:space="0" w:color="auto"/>
              <w:right w:val="nil"/>
            </w:tcBorders>
            <w:hideMark/>
          </w:tcPr>
          <w:p w14:paraId="142E9B14"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37.285</w:t>
            </w:r>
          </w:p>
        </w:tc>
        <w:tc>
          <w:tcPr>
            <w:tcW w:w="720" w:type="dxa"/>
            <w:tcBorders>
              <w:top w:val="nil"/>
              <w:left w:val="nil"/>
              <w:bottom w:val="single" w:sz="4" w:space="0" w:color="auto"/>
              <w:right w:val="nil"/>
            </w:tcBorders>
            <w:hideMark/>
          </w:tcPr>
          <w:p w14:paraId="5B0003B0" w14:textId="77777777" w:rsidR="00631603" w:rsidRPr="00FC3143" w:rsidRDefault="00631603" w:rsidP="00B50831">
            <w:pPr>
              <w:tabs>
                <w:tab w:val="left" w:pos="90"/>
              </w:tabs>
              <w:spacing w:after="200"/>
              <w:rPr>
                <w:rFonts w:asciiTheme="majorBidi" w:hAnsiTheme="majorBidi" w:cstheme="majorBidi"/>
                <w:sz w:val="20"/>
                <w:szCs w:val="20"/>
                <w:rtl/>
                <w:lang w:bidi="ar-IQ"/>
              </w:rPr>
            </w:pPr>
            <w:r w:rsidRPr="00FC3143">
              <w:rPr>
                <w:rFonts w:asciiTheme="majorBidi" w:hAnsiTheme="majorBidi" w:cstheme="majorBidi"/>
                <w:sz w:val="20"/>
                <w:szCs w:val="20"/>
              </w:rPr>
              <w:t>131</w:t>
            </w:r>
          </w:p>
        </w:tc>
        <w:tc>
          <w:tcPr>
            <w:tcW w:w="1170" w:type="dxa"/>
            <w:tcBorders>
              <w:top w:val="nil"/>
              <w:left w:val="nil"/>
              <w:bottom w:val="single" w:sz="4" w:space="0" w:color="auto"/>
              <w:right w:val="nil"/>
            </w:tcBorders>
            <w:hideMark/>
          </w:tcPr>
          <w:p w14:paraId="2A9A6456" w14:textId="77777777" w:rsidR="00631603" w:rsidRPr="00FC3143" w:rsidRDefault="00631603" w:rsidP="00B50831">
            <w:pPr>
              <w:tabs>
                <w:tab w:val="left" w:pos="90"/>
              </w:tabs>
              <w:spacing w:after="200"/>
              <w:rPr>
                <w:rFonts w:asciiTheme="majorBidi" w:hAnsiTheme="majorBidi" w:cstheme="majorBidi"/>
                <w:sz w:val="20"/>
                <w:szCs w:val="20"/>
              </w:rPr>
            </w:pPr>
            <w:r w:rsidRPr="00FC3143">
              <w:rPr>
                <w:rFonts w:asciiTheme="majorBidi" w:hAnsiTheme="majorBidi" w:cstheme="majorBidi"/>
                <w:sz w:val="20"/>
                <w:szCs w:val="20"/>
              </w:rPr>
              <w:t>400</w:t>
            </w:r>
          </w:p>
        </w:tc>
      </w:tr>
    </w:tbl>
    <w:p w14:paraId="34854955" w14:textId="77777777" w:rsidR="00EC3D61" w:rsidRDefault="00EC3D61" w:rsidP="00B50831">
      <w:pPr>
        <w:pStyle w:val="ListParagraph"/>
        <w:tabs>
          <w:tab w:val="left" w:pos="90"/>
        </w:tabs>
        <w:spacing w:line="240" w:lineRule="auto"/>
        <w:ind w:left="0"/>
        <w:jc w:val="center"/>
        <w:rPr>
          <w:rFonts w:asciiTheme="majorBidi" w:hAnsiTheme="majorBidi" w:cstheme="majorBidi"/>
          <w:b/>
          <w:bCs/>
          <w:sz w:val="24"/>
          <w:szCs w:val="24"/>
          <w:rtl/>
        </w:rPr>
      </w:pPr>
    </w:p>
    <w:p w14:paraId="652BF31B" w14:textId="3E9F3623" w:rsidR="00BF1342" w:rsidRPr="002C0F16" w:rsidRDefault="00631603" w:rsidP="00B50831">
      <w:pPr>
        <w:pStyle w:val="ListParagraph"/>
        <w:tabs>
          <w:tab w:val="left" w:pos="90"/>
        </w:tabs>
        <w:spacing w:line="240" w:lineRule="auto"/>
        <w:ind w:left="0"/>
        <w:jc w:val="center"/>
        <w:rPr>
          <w:rFonts w:asciiTheme="majorBidi" w:hAnsiTheme="majorBidi" w:cstheme="majorBidi"/>
          <w:sz w:val="24"/>
          <w:szCs w:val="24"/>
        </w:rPr>
      </w:pPr>
      <w:r w:rsidRPr="002C0F16">
        <w:rPr>
          <w:rFonts w:asciiTheme="majorBidi" w:hAnsiTheme="majorBidi" w:cstheme="majorBidi"/>
          <w:b/>
          <w:bCs/>
          <w:sz w:val="24"/>
          <w:szCs w:val="24"/>
        </w:rPr>
        <w:t>Surface Morphology</w:t>
      </w:r>
    </w:p>
    <w:p w14:paraId="621A406D" w14:textId="17C48481" w:rsidR="00AD195C" w:rsidRDefault="00FD69EB" w:rsidP="00B50831">
      <w:pPr>
        <w:pStyle w:val="ListParagraph"/>
        <w:tabs>
          <w:tab w:val="left" w:pos="90"/>
        </w:tabs>
        <w:spacing w:line="240" w:lineRule="auto"/>
        <w:ind w:left="0"/>
        <w:rPr>
          <w:rFonts w:asciiTheme="majorBidi" w:hAnsiTheme="majorBidi" w:cstheme="majorBidi"/>
          <w:sz w:val="20"/>
          <w:szCs w:val="20"/>
        </w:rPr>
      </w:pPr>
      <w:r>
        <w:rPr>
          <w:rFonts w:asciiTheme="majorBidi" w:hAnsiTheme="majorBidi" w:cstheme="majorBidi"/>
          <w:sz w:val="20"/>
          <w:szCs w:val="20"/>
        </w:rPr>
        <w:t xml:space="preserve">     </w:t>
      </w:r>
      <w:r w:rsidR="00AD195C" w:rsidRPr="00FC3143">
        <w:rPr>
          <w:rFonts w:asciiTheme="majorBidi" w:hAnsiTheme="majorBidi" w:cstheme="majorBidi"/>
          <w:sz w:val="20"/>
          <w:szCs w:val="20"/>
        </w:rPr>
        <w:t xml:space="preserve">The AFM </w:t>
      </w:r>
      <w:bookmarkStart w:id="0" w:name="_Hlk209887553"/>
      <w:r w:rsidR="00AD195C" w:rsidRPr="00FC3143">
        <w:rPr>
          <w:rFonts w:asciiTheme="majorBidi" w:hAnsiTheme="majorBidi" w:cstheme="majorBidi"/>
          <w:sz w:val="20"/>
          <w:szCs w:val="20"/>
        </w:rPr>
        <w:t>image</w:t>
      </w:r>
      <w:bookmarkEnd w:id="0"/>
      <w:r w:rsidR="0043194C" w:rsidRPr="00FC3143">
        <w:rPr>
          <w:rFonts w:asciiTheme="majorBidi" w:hAnsiTheme="majorBidi" w:cstheme="majorBidi"/>
          <w:sz w:val="20"/>
          <w:szCs w:val="20"/>
        </w:rPr>
        <w:t>s</w:t>
      </w:r>
      <w:r w:rsidR="00AD195C" w:rsidRPr="00FC3143">
        <w:rPr>
          <w:rFonts w:asciiTheme="majorBidi" w:hAnsiTheme="majorBidi" w:cstheme="majorBidi"/>
          <w:sz w:val="20"/>
          <w:szCs w:val="20"/>
        </w:rPr>
        <w:t xml:space="preserve"> showed that the surface of the SnO thin film was topographically formed from hills and valleys that are distributed uniformly over the entire film surface.</w:t>
      </w:r>
    </w:p>
    <w:p w14:paraId="183FDCE0" w14:textId="691C0913" w:rsidR="00783C04" w:rsidRDefault="00F8217E" w:rsidP="00B50831">
      <w:pPr>
        <w:pStyle w:val="ListParagraph"/>
        <w:tabs>
          <w:tab w:val="left" w:pos="90"/>
        </w:tabs>
        <w:spacing w:line="240" w:lineRule="auto"/>
        <w:ind w:left="0"/>
        <w:rPr>
          <w:rFonts w:asciiTheme="majorBidi" w:hAnsiTheme="majorBidi" w:cstheme="majorBidi"/>
          <w:sz w:val="20"/>
          <w:szCs w:val="20"/>
        </w:rPr>
      </w:pPr>
      <w:r w:rsidRPr="00F8217E">
        <w:rPr>
          <w:rFonts w:asciiTheme="majorBidi" w:eastAsiaTheme="minorEastAsia" w:hAnsiTheme="majorBidi" w:cstheme="majorBidi"/>
          <w:noProof/>
          <w:sz w:val="20"/>
          <w:szCs w:val="20"/>
        </w:rPr>
        <mc:AlternateContent>
          <mc:Choice Requires="wps">
            <w:drawing>
              <wp:anchor distT="45720" distB="45720" distL="114300" distR="114300" simplePos="0" relativeHeight="251661312" behindDoc="0" locked="0" layoutInCell="1" allowOverlap="1" wp14:anchorId="08663E82" wp14:editId="6D3968C2">
                <wp:simplePos x="0" y="0"/>
                <wp:positionH relativeFrom="column">
                  <wp:posOffset>1036320</wp:posOffset>
                </wp:positionH>
                <wp:positionV relativeFrom="paragraph">
                  <wp:posOffset>25400</wp:posOffset>
                </wp:positionV>
                <wp:extent cx="3352800" cy="3253740"/>
                <wp:effectExtent l="0" t="0" r="0" b="3810"/>
                <wp:wrapNone/>
                <wp:docPr id="933130146"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52800" cy="3253740"/>
                        </a:xfrm>
                        <a:prstGeom prst="rect">
                          <a:avLst/>
                        </a:prstGeom>
                        <a:noFill/>
                        <a:ln w="9525">
                          <a:noFill/>
                          <a:miter lim="800000"/>
                          <a:headEnd/>
                          <a:tailEnd/>
                        </a:ln>
                      </wps:spPr>
                      <wps:txbx>
                        <w:txbxContent>
                          <w:p w14:paraId="2EA13174" w14:textId="52015357" w:rsidR="00F8217E" w:rsidRPr="00F8217E" w:rsidRDefault="00F8217E" w:rsidP="00F8217E">
                            <w:pPr>
                              <w:rPr>
                                <w:rFonts w:asciiTheme="majorBidi" w:hAnsiTheme="majorBidi" w:cstheme="majorBidi"/>
                                <w:b/>
                                <w:bCs/>
                                <w:sz w:val="18"/>
                                <w:szCs w:val="18"/>
                              </w:rPr>
                            </w:pPr>
                            <w:r w:rsidRPr="00F8217E">
                              <w:rPr>
                                <w:rFonts w:asciiTheme="majorBidi" w:hAnsiTheme="majorBidi" w:cstheme="majorBidi"/>
                                <w:b/>
                                <w:bCs/>
                                <w:sz w:val="18"/>
                                <w:szCs w:val="18"/>
                              </w:rPr>
                              <w:t>a</w:t>
                            </w:r>
                            <w:r w:rsidRPr="00F8217E">
                              <w:rPr>
                                <w:rFonts w:asciiTheme="majorBidi" w:hAnsiTheme="majorBidi" w:cstheme="majorBidi"/>
                                <w:b/>
                                <w:bCs/>
                                <w:sz w:val="18"/>
                                <w:szCs w:val="18"/>
                              </w:rPr>
                              <w:tab/>
                            </w:r>
                            <w:r w:rsidRPr="00F8217E">
                              <w:rPr>
                                <w:rFonts w:asciiTheme="majorBidi" w:hAnsiTheme="majorBidi" w:cstheme="majorBidi"/>
                                <w:b/>
                                <w:bCs/>
                                <w:sz w:val="18"/>
                                <w:szCs w:val="18"/>
                              </w:rPr>
                              <w:tab/>
                            </w:r>
                            <w:r w:rsidRPr="00F8217E">
                              <w:rPr>
                                <w:rFonts w:asciiTheme="majorBidi" w:hAnsiTheme="majorBidi" w:cstheme="majorBidi"/>
                                <w:b/>
                                <w:bCs/>
                                <w:sz w:val="18"/>
                                <w:szCs w:val="18"/>
                              </w:rPr>
                              <w:tab/>
                            </w:r>
                            <w:r w:rsidRPr="00F8217E">
                              <w:rPr>
                                <w:rFonts w:asciiTheme="majorBidi" w:hAnsiTheme="majorBidi" w:cstheme="majorBidi"/>
                                <w:b/>
                                <w:bCs/>
                                <w:sz w:val="18"/>
                                <w:szCs w:val="18"/>
                              </w:rPr>
                              <w:tab/>
                            </w:r>
                            <w:r w:rsidRPr="00F8217E">
                              <w:rPr>
                                <w:rFonts w:asciiTheme="majorBidi" w:hAnsiTheme="majorBidi" w:cstheme="majorBidi"/>
                                <w:b/>
                                <w:bCs/>
                                <w:sz w:val="18"/>
                                <w:szCs w:val="18"/>
                              </w:rPr>
                              <w:tab/>
                              <w:t>b</w:t>
                            </w:r>
                          </w:p>
                          <w:p w14:paraId="78F2FC04" w14:textId="77777777" w:rsidR="00F8217E" w:rsidRPr="00F8217E" w:rsidRDefault="00F8217E" w:rsidP="00F8217E">
                            <w:pPr>
                              <w:rPr>
                                <w:rFonts w:asciiTheme="majorBidi" w:hAnsiTheme="majorBidi" w:cstheme="majorBidi"/>
                                <w:b/>
                                <w:bCs/>
                                <w:sz w:val="18"/>
                                <w:szCs w:val="18"/>
                              </w:rPr>
                            </w:pPr>
                          </w:p>
                          <w:p w14:paraId="1CBB0D3B" w14:textId="77777777" w:rsidR="00F8217E" w:rsidRPr="00F8217E" w:rsidRDefault="00F8217E" w:rsidP="00F8217E">
                            <w:pPr>
                              <w:rPr>
                                <w:rFonts w:asciiTheme="majorBidi" w:hAnsiTheme="majorBidi" w:cstheme="majorBidi"/>
                                <w:b/>
                                <w:bCs/>
                                <w:sz w:val="18"/>
                                <w:szCs w:val="18"/>
                              </w:rPr>
                            </w:pPr>
                          </w:p>
                          <w:p w14:paraId="4EF759F0" w14:textId="77777777" w:rsidR="00F8217E" w:rsidRPr="00F8217E" w:rsidRDefault="00F8217E" w:rsidP="00F8217E">
                            <w:pPr>
                              <w:rPr>
                                <w:rFonts w:asciiTheme="majorBidi" w:hAnsiTheme="majorBidi" w:cstheme="majorBidi"/>
                                <w:b/>
                                <w:bCs/>
                                <w:sz w:val="18"/>
                                <w:szCs w:val="18"/>
                              </w:rPr>
                            </w:pPr>
                          </w:p>
                          <w:p w14:paraId="02422D4C" w14:textId="77777777" w:rsidR="00F8217E" w:rsidRPr="00F8217E" w:rsidRDefault="00F8217E" w:rsidP="00F8217E">
                            <w:pPr>
                              <w:rPr>
                                <w:rFonts w:asciiTheme="majorBidi" w:hAnsiTheme="majorBidi" w:cstheme="majorBidi"/>
                                <w:b/>
                                <w:bCs/>
                                <w:sz w:val="18"/>
                                <w:szCs w:val="18"/>
                              </w:rPr>
                            </w:pPr>
                          </w:p>
                          <w:p w14:paraId="7425F599" w14:textId="77777777" w:rsidR="00F8217E" w:rsidRDefault="00F8217E" w:rsidP="00F8217E">
                            <w:pPr>
                              <w:ind w:left="720"/>
                              <w:rPr>
                                <w:rFonts w:asciiTheme="majorBidi" w:hAnsiTheme="majorBidi" w:cstheme="majorBidi"/>
                                <w:b/>
                                <w:bCs/>
                                <w:sz w:val="18"/>
                                <w:szCs w:val="18"/>
                              </w:rPr>
                            </w:pPr>
                          </w:p>
                          <w:p w14:paraId="4B9F0E99" w14:textId="77777777" w:rsidR="00F8217E" w:rsidRDefault="00F8217E" w:rsidP="00F8217E">
                            <w:pPr>
                              <w:ind w:left="720"/>
                              <w:rPr>
                                <w:rFonts w:asciiTheme="majorBidi" w:hAnsiTheme="majorBidi" w:cstheme="majorBidi"/>
                                <w:b/>
                                <w:bCs/>
                                <w:sz w:val="18"/>
                                <w:szCs w:val="18"/>
                              </w:rPr>
                            </w:pPr>
                          </w:p>
                          <w:p w14:paraId="0759B8D7" w14:textId="77777777" w:rsidR="00F8217E" w:rsidRDefault="00F8217E" w:rsidP="00F8217E">
                            <w:pPr>
                              <w:ind w:left="720"/>
                              <w:rPr>
                                <w:rFonts w:asciiTheme="majorBidi" w:hAnsiTheme="majorBidi" w:cstheme="majorBidi"/>
                                <w:b/>
                                <w:bCs/>
                                <w:sz w:val="18"/>
                                <w:szCs w:val="18"/>
                              </w:rPr>
                            </w:pPr>
                          </w:p>
                          <w:p w14:paraId="6E864979" w14:textId="77777777" w:rsidR="00F8217E" w:rsidRDefault="00F8217E" w:rsidP="00F8217E">
                            <w:pPr>
                              <w:spacing w:after="0"/>
                              <w:ind w:left="720"/>
                              <w:rPr>
                                <w:rFonts w:asciiTheme="majorBidi" w:hAnsiTheme="majorBidi" w:cstheme="majorBidi"/>
                                <w:b/>
                                <w:bCs/>
                                <w:sz w:val="18"/>
                                <w:szCs w:val="18"/>
                              </w:rPr>
                            </w:pPr>
                          </w:p>
                          <w:p w14:paraId="73F9C1B6" w14:textId="77777777" w:rsidR="00F8217E" w:rsidRDefault="00F8217E" w:rsidP="00F8217E">
                            <w:pPr>
                              <w:ind w:left="720"/>
                              <w:rPr>
                                <w:rFonts w:asciiTheme="majorBidi" w:hAnsiTheme="majorBidi" w:cstheme="majorBidi"/>
                                <w:b/>
                                <w:bCs/>
                                <w:sz w:val="18"/>
                                <w:szCs w:val="18"/>
                              </w:rPr>
                            </w:pPr>
                          </w:p>
                          <w:p w14:paraId="2753658A" w14:textId="77777777" w:rsidR="00F8217E" w:rsidRDefault="00F8217E" w:rsidP="00F8217E">
                            <w:pPr>
                              <w:spacing w:after="360"/>
                              <w:ind w:left="720"/>
                              <w:rPr>
                                <w:rFonts w:asciiTheme="majorBidi" w:hAnsiTheme="majorBidi" w:cstheme="majorBidi"/>
                                <w:b/>
                                <w:bCs/>
                                <w:sz w:val="18"/>
                                <w:szCs w:val="18"/>
                              </w:rPr>
                            </w:pPr>
                          </w:p>
                          <w:p w14:paraId="7C2DDC62" w14:textId="3BF909E6" w:rsidR="00F8217E" w:rsidRDefault="00F8217E" w:rsidP="00F8217E">
                            <w:pPr>
                              <w:ind w:left="720"/>
                              <w:rPr>
                                <w:rFonts w:asciiTheme="majorBidi" w:hAnsiTheme="majorBidi" w:cstheme="majorBidi"/>
                                <w:b/>
                                <w:bCs/>
                                <w:sz w:val="18"/>
                                <w:szCs w:val="18"/>
                              </w:rPr>
                            </w:pPr>
                            <w:r w:rsidRPr="00F8217E">
                              <w:rPr>
                                <w:rFonts w:asciiTheme="majorBidi" w:hAnsiTheme="majorBidi" w:cstheme="majorBidi"/>
                                <w:b/>
                                <w:bCs/>
                                <w:sz w:val="18"/>
                                <w:szCs w:val="18"/>
                              </w:rPr>
                              <w:t>c</w:t>
                            </w:r>
                            <w:r>
                              <w:rPr>
                                <w:rFonts w:asciiTheme="majorBidi" w:hAnsiTheme="majorBidi" w:cstheme="majorBidi"/>
                                <w:b/>
                                <w:bCs/>
                                <w:sz w:val="18"/>
                                <w:szCs w:val="18"/>
                              </w:rPr>
                              <w:tab/>
                            </w:r>
                            <w:r>
                              <w:rPr>
                                <w:rFonts w:asciiTheme="majorBidi" w:hAnsiTheme="majorBidi" w:cstheme="majorBidi"/>
                                <w:b/>
                                <w:bCs/>
                                <w:sz w:val="18"/>
                                <w:szCs w:val="18"/>
                              </w:rPr>
                              <w:tab/>
                            </w:r>
                            <w:r>
                              <w:rPr>
                                <w:rFonts w:asciiTheme="majorBidi" w:hAnsiTheme="majorBidi" w:cstheme="majorBidi"/>
                                <w:b/>
                                <w:bCs/>
                                <w:sz w:val="18"/>
                                <w:szCs w:val="18"/>
                              </w:rPr>
                              <w:tab/>
                            </w:r>
                            <w:r>
                              <w:rPr>
                                <w:rFonts w:asciiTheme="majorBidi" w:hAnsiTheme="majorBidi" w:cstheme="majorBidi"/>
                                <w:b/>
                                <w:bCs/>
                                <w:sz w:val="18"/>
                                <w:szCs w:val="18"/>
                              </w:rPr>
                              <w:tab/>
                              <w:t>d</w:t>
                            </w:r>
                          </w:p>
                          <w:p w14:paraId="1000DB3E" w14:textId="77777777" w:rsidR="00F8217E" w:rsidRPr="00F8217E" w:rsidRDefault="00F8217E" w:rsidP="00F8217E">
                            <w:pPr>
                              <w:ind w:left="720"/>
                              <w:rPr>
                                <w:rFonts w:asciiTheme="majorBidi" w:hAnsiTheme="majorBidi" w:cstheme="majorBidi"/>
                                <w:b/>
                                <w:bCs/>
                                <w:sz w:val="18"/>
                                <w:szCs w:val="18"/>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8663E82" id="_x0000_s1027" type="#_x0000_t202" style="position:absolute;margin-left:81.6pt;margin-top:2pt;width:264pt;height:256.2pt;z-index:25166131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" filled="f" stroked="f">
                <v:textbox>
                  <w:txbxContent>
                    <w:p w14:paraId="2EA13174" w14:textId="52015357" w:rsidR="00F8217E" w:rsidRPr="00F8217E" w:rsidRDefault="00F8217E" w:rsidP="00F8217E">
                      <w:pPr>
                        <w:rPr>
                          <w:rFonts w:asciiTheme="majorBidi" w:hAnsiTheme="majorBidi" w:cstheme="majorBidi"/>
                          <w:b/>
                          <w:bCs/>
                          <w:sz w:val="18"/>
                          <w:szCs w:val="18"/>
                        </w:rPr>
                      </w:pPr>
                      <w:r w:rsidRPr="00F8217E">
                        <w:rPr>
                          <w:rFonts w:asciiTheme="majorBidi" w:hAnsiTheme="majorBidi" w:cstheme="majorBidi"/>
                          <w:b/>
                          <w:bCs/>
                          <w:sz w:val="18"/>
                          <w:szCs w:val="18"/>
                        </w:rPr>
                        <w:t>a</w:t>
                      </w:r>
                      <w:r w:rsidRPr="00F8217E">
                        <w:rPr>
                          <w:rFonts w:asciiTheme="majorBidi" w:hAnsiTheme="majorBidi" w:cstheme="majorBidi"/>
                          <w:b/>
                          <w:bCs/>
                          <w:sz w:val="18"/>
                          <w:szCs w:val="18"/>
                        </w:rPr>
                        <w:tab/>
                      </w:r>
                      <w:r w:rsidRPr="00F8217E">
                        <w:rPr>
                          <w:rFonts w:asciiTheme="majorBidi" w:hAnsiTheme="majorBidi" w:cstheme="majorBidi"/>
                          <w:b/>
                          <w:bCs/>
                          <w:sz w:val="18"/>
                          <w:szCs w:val="18"/>
                        </w:rPr>
                        <w:tab/>
                      </w:r>
                      <w:r w:rsidRPr="00F8217E">
                        <w:rPr>
                          <w:rFonts w:asciiTheme="majorBidi" w:hAnsiTheme="majorBidi" w:cstheme="majorBidi"/>
                          <w:b/>
                          <w:bCs/>
                          <w:sz w:val="18"/>
                          <w:szCs w:val="18"/>
                        </w:rPr>
                        <w:tab/>
                      </w:r>
                      <w:r w:rsidRPr="00F8217E">
                        <w:rPr>
                          <w:rFonts w:asciiTheme="majorBidi" w:hAnsiTheme="majorBidi" w:cstheme="majorBidi"/>
                          <w:b/>
                          <w:bCs/>
                          <w:sz w:val="18"/>
                          <w:szCs w:val="18"/>
                        </w:rPr>
                        <w:tab/>
                      </w:r>
                      <w:r w:rsidRPr="00F8217E">
                        <w:rPr>
                          <w:rFonts w:asciiTheme="majorBidi" w:hAnsiTheme="majorBidi" w:cstheme="majorBidi"/>
                          <w:b/>
                          <w:bCs/>
                          <w:sz w:val="18"/>
                          <w:szCs w:val="18"/>
                        </w:rPr>
                        <w:tab/>
                        <w:t>b</w:t>
                      </w:r>
                    </w:p>
                    <w:p w14:paraId="78F2FC04" w14:textId="77777777" w:rsidR="00F8217E" w:rsidRPr="00F8217E" w:rsidRDefault="00F8217E" w:rsidP="00F8217E">
                      <w:pPr>
                        <w:rPr>
                          <w:rFonts w:asciiTheme="majorBidi" w:hAnsiTheme="majorBidi" w:cstheme="majorBidi"/>
                          <w:b/>
                          <w:bCs/>
                          <w:sz w:val="18"/>
                          <w:szCs w:val="18"/>
                        </w:rPr>
                      </w:pPr>
                    </w:p>
                    <w:p w14:paraId="1CBB0D3B" w14:textId="77777777" w:rsidR="00F8217E" w:rsidRPr="00F8217E" w:rsidRDefault="00F8217E" w:rsidP="00F8217E">
                      <w:pPr>
                        <w:rPr>
                          <w:rFonts w:asciiTheme="majorBidi" w:hAnsiTheme="majorBidi" w:cstheme="majorBidi"/>
                          <w:b/>
                          <w:bCs/>
                          <w:sz w:val="18"/>
                          <w:szCs w:val="18"/>
                        </w:rPr>
                      </w:pPr>
                    </w:p>
                    <w:p w14:paraId="4EF759F0" w14:textId="77777777" w:rsidR="00F8217E" w:rsidRPr="00F8217E" w:rsidRDefault="00F8217E" w:rsidP="00F8217E">
                      <w:pPr>
                        <w:rPr>
                          <w:rFonts w:asciiTheme="majorBidi" w:hAnsiTheme="majorBidi" w:cstheme="majorBidi"/>
                          <w:b/>
                          <w:bCs/>
                          <w:sz w:val="18"/>
                          <w:szCs w:val="18"/>
                        </w:rPr>
                      </w:pPr>
                    </w:p>
                    <w:p w14:paraId="02422D4C" w14:textId="77777777" w:rsidR="00F8217E" w:rsidRPr="00F8217E" w:rsidRDefault="00F8217E" w:rsidP="00F8217E">
                      <w:pPr>
                        <w:rPr>
                          <w:rFonts w:asciiTheme="majorBidi" w:hAnsiTheme="majorBidi" w:cstheme="majorBidi"/>
                          <w:b/>
                          <w:bCs/>
                          <w:sz w:val="18"/>
                          <w:szCs w:val="18"/>
                        </w:rPr>
                      </w:pPr>
                    </w:p>
                    <w:p w14:paraId="7425F599" w14:textId="77777777" w:rsidR="00F8217E" w:rsidRDefault="00F8217E" w:rsidP="00F8217E">
                      <w:pPr>
                        <w:ind w:left="720"/>
                        <w:rPr>
                          <w:rFonts w:asciiTheme="majorBidi" w:hAnsiTheme="majorBidi" w:cstheme="majorBidi"/>
                          <w:b/>
                          <w:bCs/>
                          <w:sz w:val="18"/>
                          <w:szCs w:val="18"/>
                        </w:rPr>
                      </w:pPr>
                    </w:p>
                    <w:p w14:paraId="4B9F0E99" w14:textId="77777777" w:rsidR="00F8217E" w:rsidRDefault="00F8217E" w:rsidP="00F8217E">
                      <w:pPr>
                        <w:ind w:left="720"/>
                        <w:rPr>
                          <w:rFonts w:asciiTheme="majorBidi" w:hAnsiTheme="majorBidi" w:cstheme="majorBidi"/>
                          <w:b/>
                          <w:bCs/>
                          <w:sz w:val="18"/>
                          <w:szCs w:val="18"/>
                        </w:rPr>
                      </w:pPr>
                    </w:p>
                    <w:p w14:paraId="0759B8D7" w14:textId="77777777" w:rsidR="00F8217E" w:rsidRDefault="00F8217E" w:rsidP="00F8217E">
                      <w:pPr>
                        <w:ind w:left="720"/>
                        <w:rPr>
                          <w:rFonts w:asciiTheme="majorBidi" w:hAnsiTheme="majorBidi" w:cstheme="majorBidi"/>
                          <w:b/>
                          <w:bCs/>
                          <w:sz w:val="18"/>
                          <w:szCs w:val="18"/>
                        </w:rPr>
                      </w:pPr>
                    </w:p>
                    <w:p w14:paraId="6E864979" w14:textId="77777777" w:rsidR="00F8217E" w:rsidRDefault="00F8217E" w:rsidP="00F8217E">
                      <w:pPr>
                        <w:spacing w:after="0"/>
                        <w:ind w:left="720"/>
                        <w:rPr>
                          <w:rFonts w:asciiTheme="majorBidi" w:hAnsiTheme="majorBidi" w:cstheme="majorBidi"/>
                          <w:b/>
                          <w:bCs/>
                          <w:sz w:val="18"/>
                          <w:szCs w:val="18"/>
                        </w:rPr>
                      </w:pPr>
                    </w:p>
                    <w:p w14:paraId="73F9C1B6" w14:textId="77777777" w:rsidR="00F8217E" w:rsidRDefault="00F8217E" w:rsidP="00F8217E">
                      <w:pPr>
                        <w:ind w:left="720"/>
                        <w:rPr>
                          <w:rFonts w:asciiTheme="majorBidi" w:hAnsiTheme="majorBidi" w:cstheme="majorBidi"/>
                          <w:b/>
                          <w:bCs/>
                          <w:sz w:val="18"/>
                          <w:szCs w:val="18"/>
                        </w:rPr>
                      </w:pPr>
                    </w:p>
                    <w:p w14:paraId="2753658A" w14:textId="77777777" w:rsidR="00F8217E" w:rsidRDefault="00F8217E" w:rsidP="00F8217E">
                      <w:pPr>
                        <w:spacing w:after="360"/>
                        <w:ind w:left="720"/>
                        <w:rPr>
                          <w:rFonts w:asciiTheme="majorBidi" w:hAnsiTheme="majorBidi" w:cstheme="majorBidi"/>
                          <w:b/>
                          <w:bCs/>
                          <w:sz w:val="18"/>
                          <w:szCs w:val="18"/>
                        </w:rPr>
                      </w:pPr>
                    </w:p>
                    <w:p w14:paraId="7C2DDC62" w14:textId="3BF909E6" w:rsidR="00F8217E" w:rsidRDefault="00F8217E" w:rsidP="00F8217E">
                      <w:pPr>
                        <w:ind w:left="720"/>
                        <w:rPr>
                          <w:rFonts w:asciiTheme="majorBidi" w:hAnsiTheme="majorBidi" w:cstheme="majorBidi"/>
                          <w:b/>
                          <w:bCs/>
                          <w:sz w:val="18"/>
                          <w:szCs w:val="18"/>
                        </w:rPr>
                      </w:pPr>
                      <w:r w:rsidRPr="00F8217E">
                        <w:rPr>
                          <w:rFonts w:asciiTheme="majorBidi" w:hAnsiTheme="majorBidi" w:cstheme="majorBidi"/>
                          <w:b/>
                          <w:bCs/>
                          <w:sz w:val="18"/>
                          <w:szCs w:val="18"/>
                        </w:rPr>
                        <w:t>c</w:t>
                      </w:r>
                      <w:r>
                        <w:rPr>
                          <w:rFonts w:asciiTheme="majorBidi" w:hAnsiTheme="majorBidi" w:cstheme="majorBidi"/>
                          <w:b/>
                          <w:bCs/>
                          <w:sz w:val="18"/>
                          <w:szCs w:val="18"/>
                        </w:rPr>
                        <w:tab/>
                      </w:r>
                      <w:r>
                        <w:rPr>
                          <w:rFonts w:asciiTheme="majorBidi" w:hAnsiTheme="majorBidi" w:cstheme="majorBidi"/>
                          <w:b/>
                          <w:bCs/>
                          <w:sz w:val="18"/>
                          <w:szCs w:val="18"/>
                        </w:rPr>
                        <w:tab/>
                      </w:r>
                      <w:r>
                        <w:rPr>
                          <w:rFonts w:asciiTheme="majorBidi" w:hAnsiTheme="majorBidi" w:cstheme="majorBidi"/>
                          <w:b/>
                          <w:bCs/>
                          <w:sz w:val="18"/>
                          <w:szCs w:val="18"/>
                        </w:rPr>
                        <w:tab/>
                      </w:r>
                      <w:r>
                        <w:rPr>
                          <w:rFonts w:asciiTheme="majorBidi" w:hAnsiTheme="majorBidi" w:cstheme="majorBidi"/>
                          <w:b/>
                          <w:bCs/>
                          <w:sz w:val="18"/>
                          <w:szCs w:val="18"/>
                        </w:rPr>
                        <w:tab/>
                        <w:t>d</w:t>
                      </w:r>
                    </w:p>
                    <w:p w14:paraId="1000DB3E" w14:textId="77777777" w:rsidR="00F8217E" w:rsidRPr="00F8217E" w:rsidRDefault="00F8217E" w:rsidP="00F8217E">
                      <w:pPr>
                        <w:ind w:left="720"/>
                        <w:rPr>
                          <w:rFonts w:asciiTheme="majorBidi" w:hAnsiTheme="majorBidi" w:cstheme="majorBidi"/>
                          <w:b/>
                          <w:bCs/>
                          <w:sz w:val="18"/>
                          <w:szCs w:val="18"/>
                        </w:rPr>
                      </w:pPr>
                    </w:p>
                  </w:txbxContent>
                </v:textbox>
              </v:shape>
            </w:pict>
          </mc:Fallback>
        </mc:AlternateContent>
      </w:r>
    </w:p>
    <w:p w14:paraId="65094634" w14:textId="2981A2E2" w:rsidR="00783C04" w:rsidRPr="00FC3143" w:rsidRDefault="004C24CC" w:rsidP="00F8217E">
      <w:pPr>
        <w:pStyle w:val="ListParagraph"/>
        <w:tabs>
          <w:tab w:val="left" w:pos="90"/>
        </w:tabs>
        <w:spacing w:line="240" w:lineRule="auto"/>
        <w:ind w:left="0"/>
        <w:jc w:val="center"/>
        <w:rPr>
          <w:rFonts w:asciiTheme="majorBidi" w:hAnsiTheme="majorBidi" w:cstheme="majorBidi"/>
          <w:sz w:val="20"/>
          <w:szCs w:val="20"/>
        </w:rPr>
      </w:pPr>
      <w:r w:rsidRPr="00FC3143">
        <w:rPr>
          <w:rFonts w:asciiTheme="majorBidi" w:hAnsiTheme="majorBidi" w:cstheme="majorBidi"/>
          <w:noProof/>
          <w:sz w:val="20"/>
          <w:szCs w:val="20"/>
        </w:rPr>
        <mc:AlternateContent>
          <mc:Choice Requires="wpg">
            <w:drawing>
              <wp:inline distT="0" distB="0" distL="0" distR="0" wp14:anchorId="7072ED51" wp14:editId="07729A44">
                <wp:extent cx="4351020" cy="2956560"/>
                <wp:effectExtent l="0" t="0" r="0" b="0"/>
                <wp:docPr id="2" name="Group 2"/>
                <wp:cNvGraphicFramePr/>
                <a:graphic xmlns:a="http://schemas.openxmlformats.org/drawingml/2006/main">
                  <a:graphicData uri="http://schemas.microsoft.com/office/word/2010/wordprocessingGroup">
                    <wpg:wgp>
                      <wpg:cNvGrpSpPr/>
                      <wpg:grpSpPr>
                        <a:xfrm>
                          <a:off x="0" y="0"/>
                          <a:ext cx="4351020" cy="2956560"/>
                          <a:chOff x="0" y="0"/>
                          <a:chExt cx="6305550" cy="5600700"/>
                        </a:xfrm>
                      </wpg:grpSpPr>
                      <wpg:grpSp>
                        <wpg:cNvPr id="27" name="Group 27"/>
                        <wpg:cNvGrpSpPr/>
                        <wpg:grpSpPr>
                          <a:xfrm>
                            <a:off x="44450" y="0"/>
                            <a:ext cx="6261100" cy="2823825"/>
                            <a:chOff x="-139700" y="-291760"/>
                            <a:chExt cx="6223001" cy="3034865"/>
                          </a:xfrm>
                        </wpg:grpSpPr>
                        <pic:pic xmlns:pic="http://schemas.openxmlformats.org/drawingml/2006/picture">
                          <pic:nvPicPr>
                            <pic:cNvPr id="24" name="Picture 24" descr="C:\Users\user\AppData\Local\Packages\Microsoft.Windows.Photos_8wekyb3d8bbwe\TempState\ShareServiceTempFolder\5.jpeg"/>
                            <pic:cNvPicPr>
                              <a:picLocks noChangeAspect="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139700" y="-203061"/>
                              <a:ext cx="2978150" cy="2946166"/>
                            </a:xfrm>
                            <a:prstGeom prst="rect">
                              <a:avLst/>
                            </a:prstGeom>
                            <a:noFill/>
                            <a:ln>
                              <a:noFill/>
                            </a:ln>
                          </pic:spPr>
                        </pic:pic>
                        <pic:pic xmlns:pic="http://schemas.openxmlformats.org/drawingml/2006/picture">
                          <pic:nvPicPr>
                            <pic:cNvPr id="25" name="Picture 25" descr="C:\Users\user\AppData\Local\Temp\Rar$DRa10980.40229\زينة عبد اللطيف\s3\6.bmp"/>
                            <pic:cNvPicPr>
                              <a:picLocks noChangeAspect="1"/>
                            </pic:cNvPicPr>
                          </pic:nvPicPr>
                          <pic:blipFill rotWithShape="1">
                            <a:blip r:embed="rId9" cstate="print">
                              <a:extLst>
                                <a:ext uri="{28A0092B-C50C-407E-A947-70E740481C1C}">
                                  <a14:useLocalDpi xmlns:a14="http://schemas.microsoft.com/office/drawing/2010/main" val="0"/>
                                </a:ext>
                              </a:extLst>
                            </a:blip>
                            <a:srcRect l="1630" t="-205" r="-473" b="1826"/>
                            <a:stretch/>
                          </pic:blipFill>
                          <pic:spPr bwMode="auto">
                            <a:xfrm>
                              <a:off x="2895601" y="-291760"/>
                              <a:ext cx="3187700" cy="2948214"/>
                            </a:xfrm>
                            <a:prstGeom prst="rect">
                              <a:avLst/>
                            </a:prstGeom>
                            <a:noFill/>
                            <a:ln>
                              <a:noFill/>
                            </a:ln>
                            <a:extLst>
                              <a:ext uri="{53640926-AAD7-44D8-BBD7-CCE9431645EC}">
                                <a14:shadowObscured xmlns:a14="http://schemas.microsoft.com/office/drawing/2010/main"/>
                              </a:ext>
                            </a:extLst>
                          </pic:spPr>
                        </pic:pic>
                        <wps:wsp>
                          <wps:cNvPr id="26" name="Text Box 26"/>
                          <wps:cNvSpPr txBox="1"/>
                          <wps:spPr>
                            <a:xfrm>
                              <a:off x="4935353" y="-95246"/>
                              <a:ext cx="849498" cy="565627"/>
                            </a:xfrm>
                            <a:prstGeom prst="rect">
                              <a:avLst/>
                            </a:prstGeom>
                            <a:solidFill>
                              <a:sysClr val="window" lastClr="FFFFFF"/>
                            </a:solidFill>
                            <a:ln w="6350">
                              <a:solidFill>
                                <a:prstClr val="black"/>
                              </a:solidFill>
                            </a:ln>
                            <a:effectLst/>
                          </wps:spPr>
                          <wps:txbx>
                            <w:txbxContent>
                              <w:p w14:paraId="2CCE5917" w14:textId="35050D5F" w:rsidR="00C63886" w:rsidRPr="006625DB" w:rsidRDefault="00C63886" w:rsidP="004C24CC">
                                <w:pPr>
                                  <w:rPr>
                                    <w:sz w:val="18"/>
                                    <w:szCs w:val="18"/>
                                  </w:rPr>
                                </w:pPr>
                                <w:r w:rsidRPr="006625DB">
                                  <w:rPr>
                                    <w:sz w:val="18"/>
                                    <w:szCs w:val="18"/>
                                  </w:rPr>
                                  <w:t>300</w:t>
                                </w:r>
                                <m:oMath>
                                  <m:r>
                                    <w:rPr>
                                      <w:rFonts w:ascii="Cambria Math" w:hAnsi="Cambria Math"/>
                                      <w:sz w:val="18"/>
                                      <w:szCs w:val="18"/>
                                    </w:rPr>
                                    <m:t>℃</m:t>
                                  </m:r>
                                </m:oMath>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g:grpSp>
                        <wpg:cNvPr id="36" name="Group 36"/>
                        <wpg:cNvGrpSpPr/>
                        <wpg:grpSpPr>
                          <a:xfrm>
                            <a:off x="0" y="2857500"/>
                            <a:ext cx="6248400" cy="2743200"/>
                            <a:chOff x="0" y="0"/>
                            <a:chExt cx="6394450" cy="2743200"/>
                          </a:xfrm>
                        </wpg:grpSpPr>
                        <pic:pic xmlns:pic="http://schemas.openxmlformats.org/drawingml/2006/picture">
                          <pic:nvPicPr>
                            <pic:cNvPr id="32" name="Picture 32" descr="C:\Users\user\AppData\Local\Packages\Microsoft.Windows.Photos_8wekyb3d8bbwe\TempState\ShareServiceTempFolder\7.jpeg"/>
                            <pic:cNvPicPr>
                              <a:picLocks noChangeAspect="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3251200" y="0"/>
                              <a:ext cx="3143250" cy="2743200"/>
                            </a:xfrm>
                            <a:prstGeom prst="rect">
                              <a:avLst/>
                            </a:prstGeom>
                            <a:noFill/>
                            <a:ln>
                              <a:noFill/>
                            </a:ln>
                          </pic:spPr>
                        </pic:pic>
                        <pic:pic xmlns:pic="http://schemas.openxmlformats.org/drawingml/2006/picture">
                          <pic:nvPicPr>
                            <pic:cNvPr id="34" name="Picture 34" descr="C:\Users\user\AppData\Local\Packages\Microsoft.Windows.Photos_8wekyb3d8bbwe\TempState\ShareServiceTempFolder\5.jpe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219450" cy="2743200"/>
                            </a:xfrm>
                            <a:prstGeom prst="rect">
                              <a:avLst/>
                            </a:prstGeom>
                            <a:noFill/>
                            <a:ln>
                              <a:noFill/>
                            </a:ln>
                          </pic:spPr>
                        </pic:pic>
                        <wps:wsp>
                          <wps:cNvPr id="35" name="Text Box 35"/>
                          <wps:cNvSpPr txBox="1"/>
                          <wps:spPr>
                            <a:xfrm>
                              <a:off x="5403850" y="247651"/>
                              <a:ext cx="749301" cy="498856"/>
                            </a:xfrm>
                            <a:prstGeom prst="rect">
                              <a:avLst/>
                            </a:prstGeom>
                            <a:solidFill>
                              <a:sysClr val="window" lastClr="FFFFFF"/>
                            </a:solidFill>
                            <a:ln w="6350">
                              <a:solidFill>
                                <a:prstClr val="black"/>
                              </a:solidFill>
                            </a:ln>
                            <a:effectLst/>
                          </wps:spPr>
                          <wps:txbx>
                            <w:txbxContent>
                              <w:p w14:paraId="47AD7096" w14:textId="56309448" w:rsidR="00C63886" w:rsidRPr="006625DB" w:rsidRDefault="00C63886" w:rsidP="004C24CC">
                                <w:pPr>
                                  <w:rPr>
                                    <w:sz w:val="18"/>
                                    <w:szCs w:val="18"/>
                                  </w:rPr>
                                </w:pPr>
                                <w:r w:rsidRPr="006625DB">
                                  <w:rPr>
                                    <w:sz w:val="18"/>
                                    <w:szCs w:val="18"/>
                                  </w:rPr>
                                  <w:t>400</w:t>
                                </w:r>
                                <m:oMath>
                                  <m:r>
                                    <w:rPr>
                                      <w:rFonts w:ascii="Cambria Math" w:hAnsi="Cambria Math"/>
                                      <w:sz w:val="18"/>
                                      <w:szCs w:val="18"/>
                                    </w:rPr>
                                    <m:t>℃</m:t>
                                  </m:r>
                                </m:oMath>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g:wgp>
                  </a:graphicData>
                </a:graphic>
              </wp:inline>
            </w:drawing>
          </mc:Choice>
          <mc:Fallback>
            <w:pict>
              <v:group w14:anchorId="7072ED51" id="Group 2" o:spid="_x0000_s1028" style="width:342.6pt;height:232.8pt;mso-position-horizontal-relative:char;mso-position-vertical-relative:line" coordsize="63055,56007" o:gfxdata="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">
                <v:group id="Group 27" o:spid="_x0000_s1029" style="position:absolute;left:444;width:62611;height:28238" coordorigin="-1397,-2917" coordsize="62230,3034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4" o:spid="_x0000_s1030" type="#_x0000_t75" style="position:absolute;left:-1397;top:-2030;width:29781;height:2946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">
                    <v:imagedata r:id="rId12" o:title="5"/>
                  </v:shape>
                  <v:shape id="Picture 25" o:spid="_x0000_s1031" type="#_x0000_t75" style="position:absolute;left:28956;top:-2917;width:31877;height:2948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">
                    <v:imagedata r:id="rId13" o:title="6" croptop="-134f" cropbottom="1197f" cropleft="1068f" cropright="-310f"/>
                  </v:shape>
                  <v:shape id="Text Box 26" o:spid="_x0000_s1032" type="#_x0000_t202" style="position:absolute;left:49353;top:-952;width:8495;height:56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" fillcolor="window" strokeweight=".5pt">
                    <v:textbox>
                      <w:txbxContent>
                        <w:p w14:paraId="2CCE5917" w14:textId="35050D5F" w:rsidR="00C63886" w:rsidRPr="006625DB" w:rsidRDefault="00C63886" w:rsidP="004C24CC">
                          <w:pPr>
                            <w:rPr>
                              <w:sz w:val="18"/>
                              <w:szCs w:val="18"/>
                            </w:rPr>
                          </w:pPr>
                          <w:r w:rsidRPr="006625DB">
                            <w:rPr>
                              <w:sz w:val="18"/>
                              <w:szCs w:val="18"/>
                            </w:rPr>
                            <w:t>300</w:t>
                          </w:r>
                          <m:oMath>
                            <m:r>
                              <w:rPr>
                                <w:rFonts w:ascii="Cambria Math" w:hAnsi="Cambria Math"/>
                                <w:sz w:val="18"/>
                                <w:szCs w:val="18"/>
                              </w:rPr>
                              <m:t>℃</m:t>
                            </m:r>
                          </m:oMath>
                        </w:p>
                      </w:txbxContent>
                    </v:textbox>
                  </v:shape>
                </v:group>
                <v:group id="Group 36" o:spid="_x0000_s1033" style="position:absolute;top:28575;width:62484;height:27432" coordsize="63944,274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">
                  <v:shape id="Picture 32" o:spid="_x0000_s1034" type="#_x0000_t75" style="position:absolute;left:32512;width:31432;height:274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">
                    <v:imagedata r:id="rId14" o:title="7"/>
                  </v:shape>
                  <v:shape id="Picture 34" o:spid="_x0000_s1035" type="#_x0000_t75" style="position:absolute;width:32194;height:274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">
                    <v:imagedata r:id="rId15" o:title="5"/>
                  </v:shape>
                  <v:shape id="Text Box 35" o:spid="_x0000_s1036" type="#_x0000_t202" style="position:absolute;left:54038;top:2476;width:7493;height:498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" fillcolor="window" strokeweight=".5pt">
                    <v:textbox>
                      <w:txbxContent>
                        <w:p w14:paraId="47AD7096" w14:textId="56309448" w:rsidR="00C63886" w:rsidRPr="006625DB" w:rsidRDefault="00C63886" w:rsidP="004C24CC">
                          <w:pPr>
                            <w:rPr>
                              <w:sz w:val="18"/>
                              <w:szCs w:val="18"/>
                            </w:rPr>
                          </w:pPr>
                          <w:r w:rsidRPr="006625DB">
                            <w:rPr>
                              <w:sz w:val="18"/>
                              <w:szCs w:val="18"/>
                            </w:rPr>
                            <w:t>400</w:t>
                          </w:r>
                          <m:oMath>
                            <m:r>
                              <w:rPr>
                                <w:rFonts w:ascii="Cambria Math" w:hAnsi="Cambria Math"/>
                                <w:sz w:val="18"/>
                                <w:szCs w:val="18"/>
                              </w:rPr>
                              <m:t>℃</m:t>
                            </m:r>
                          </m:oMath>
                        </w:p>
                      </w:txbxContent>
                    </v:textbox>
                  </v:shape>
                </v:group>
                <w10:anchorlock/>
              </v:group>
            </w:pict>
          </mc:Fallback>
        </mc:AlternateContent>
      </w:r>
    </w:p>
    <w:p w14:paraId="2BA60FB0" w14:textId="11430B05" w:rsidR="00FC55DE" w:rsidRPr="00F8217E" w:rsidRDefault="00B74494" w:rsidP="00F8217E">
      <w:pPr>
        <w:tabs>
          <w:tab w:val="left" w:pos="90"/>
        </w:tabs>
        <w:spacing w:line="240" w:lineRule="auto"/>
        <w:jc w:val="center"/>
        <w:rPr>
          <w:rFonts w:asciiTheme="majorBidi" w:hAnsiTheme="majorBidi" w:cstheme="majorBidi"/>
          <w:sz w:val="18"/>
          <w:szCs w:val="18"/>
          <w:rtl/>
        </w:rPr>
      </w:pPr>
      <w:r w:rsidRPr="00F8217E">
        <w:rPr>
          <w:rFonts w:asciiTheme="majorBidi" w:hAnsiTheme="majorBidi" w:cstheme="majorBidi"/>
          <w:b/>
          <w:bCs/>
          <w:sz w:val="18"/>
          <w:szCs w:val="18"/>
        </w:rPr>
        <w:t>FIGURE</w:t>
      </w:r>
      <w:r w:rsidRPr="00F8217E">
        <w:rPr>
          <w:rFonts w:asciiTheme="majorBidi" w:hAnsiTheme="majorBidi" w:cstheme="majorBidi"/>
          <w:sz w:val="18"/>
          <w:szCs w:val="18"/>
        </w:rPr>
        <w:t xml:space="preserve"> 2. </w:t>
      </w:r>
      <w:r w:rsidR="009A408A" w:rsidRPr="00F8217E">
        <w:rPr>
          <w:rFonts w:asciiTheme="majorBidi" w:hAnsiTheme="majorBidi" w:cstheme="majorBidi"/>
          <w:sz w:val="18"/>
          <w:szCs w:val="18"/>
        </w:rPr>
        <w:t>The AFM image for SnO</w:t>
      </w:r>
      <w:r w:rsidR="00AE21FD" w:rsidRPr="00F8217E">
        <w:rPr>
          <w:rFonts w:asciiTheme="majorBidi" w:hAnsiTheme="majorBidi" w:cstheme="majorBidi"/>
          <w:sz w:val="18"/>
          <w:szCs w:val="18"/>
        </w:rPr>
        <w:t>x</w:t>
      </w:r>
      <w:r w:rsidR="009A408A" w:rsidRPr="00F8217E">
        <w:rPr>
          <w:rFonts w:asciiTheme="majorBidi" w:hAnsiTheme="majorBidi" w:cstheme="majorBidi"/>
          <w:sz w:val="18"/>
          <w:szCs w:val="18"/>
        </w:rPr>
        <w:t xml:space="preserve"> film</w:t>
      </w:r>
      <w:r w:rsidR="00AE21FD" w:rsidRPr="00F8217E">
        <w:rPr>
          <w:rFonts w:asciiTheme="majorBidi" w:hAnsiTheme="majorBidi" w:cstheme="majorBidi"/>
          <w:sz w:val="18"/>
          <w:szCs w:val="18"/>
        </w:rPr>
        <w:t>s</w:t>
      </w:r>
    </w:p>
    <w:p w14:paraId="785B22D5" w14:textId="77777777" w:rsidR="00EC3D61" w:rsidRDefault="00EC3D61" w:rsidP="00B50831">
      <w:pPr>
        <w:tabs>
          <w:tab w:val="left" w:pos="90"/>
        </w:tabs>
        <w:spacing w:line="240" w:lineRule="auto"/>
        <w:jc w:val="center"/>
        <w:rPr>
          <w:rFonts w:asciiTheme="majorBidi" w:hAnsiTheme="majorBidi" w:cstheme="majorBidi"/>
          <w:b/>
          <w:bCs/>
          <w:sz w:val="18"/>
          <w:szCs w:val="18"/>
          <w:rtl/>
        </w:rPr>
      </w:pPr>
    </w:p>
    <w:p w14:paraId="18D5C34E" w14:textId="5E8E248F" w:rsidR="00362C3C" w:rsidRPr="00D227BA" w:rsidRDefault="00362C3C" w:rsidP="00B50831">
      <w:pPr>
        <w:tabs>
          <w:tab w:val="left" w:pos="90"/>
        </w:tabs>
        <w:spacing w:after="0" w:line="240" w:lineRule="auto"/>
        <w:jc w:val="center"/>
        <w:rPr>
          <w:rFonts w:asciiTheme="majorBidi" w:hAnsiTheme="majorBidi" w:cstheme="majorBidi"/>
          <w:sz w:val="18"/>
          <w:szCs w:val="18"/>
        </w:rPr>
      </w:pPr>
    </w:p>
    <w:tbl>
      <w:tblPr>
        <w:tblStyle w:val="TableGrid1"/>
        <w:tblpPr w:leftFromText="180" w:rightFromText="180" w:vertAnchor="text" w:horzAnchor="margin" w:tblpY="356"/>
        <w:bidiVisual/>
        <w:tblW w:w="8934" w:type="dxa"/>
        <w:tblBorders>
          <w:left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159"/>
        <w:gridCol w:w="2075"/>
        <w:gridCol w:w="2011"/>
        <w:gridCol w:w="2689"/>
      </w:tblGrid>
      <w:tr w:rsidR="00D227BA" w:rsidRPr="00FC3143" w14:paraId="7087AE84" w14:textId="77777777" w:rsidTr="00B50831">
        <w:trPr>
          <w:trHeight w:val="22"/>
        </w:trPr>
        <w:tc>
          <w:tcPr>
            <w:tcW w:w="2159" w:type="dxa"/>
            <w:tcBorders>
              <w:bottom w:val="single" w:sz="4" w:space="0" w:color="auto"/>
            </w:tcBorders>
            <w:hideMark/>
          </w:tcPr>
          <w:p w14:paraId="7818B108" w14:textId="77777777" w:rsidR="00D227BA" w:rsidRPr="002C0F16" w:rsidRDefault="00D227BA" w:rsidP="00B50831">
            <w:pPr>
              <w:tabs>
                <w:tab w:val="left" w:pos="90"/>
              </w:tabs>
              <w:spacing w:after="200"/>
              <w:rPr>
                <w:rFonts w:asciiTheme="majorBidi" w:hAnsiTheme="majorBidi" w:cstheme="majorBidi"/>
                <w:b/>
                <w:bCs/>
                <w:sz w:val="18"/>
                <w:szCs w:val="18"/>
              </w:rPr>
            </w:pPr>
            <w:r w:rsidRPr="002C0F16">
              <w:rPr>
                <w:rFonts w:asciiTheme="majorBidi" w:hAnsiTheme="majorBidi" w:cstheme="majorBidi"/>
                <w:b/>
                <w:bCs/>
                <w:sz w:val="18"/>
                <w:szCs w:val="18"/>
              </w:rPr>
              <w:t>Root-mean-square (nm)</w:t>
            </w:r>
          </w:p>
        </w:tc>
        <w:tc>
          <w:tcPr>
            <w:tcW w:w="2075" w:type="dxa"/>
            <w:tcBorders>
              <w:bottom w:val="single" w:sz="4" w:space="0" w:color="auto"/>
            </w:tcBorders>
            <w:hideMark/>
          </w:tcPr>
          <w:p w14:paraId="664C776A" w14:textId="77777777" w:rsidR="00D227BA" w:rsidRPr="002C0F16" w:rsidRDefault="00D227BA" w:rsidP="00B50831">
            <w:pPr>
              <w:tabs>
                <w:tab w:val="left" w:pos="90"/>
              </w:tabs>
              <w:spacing w:after="200"/>
              <w:rPr>
                <w:rFonts w:asciiTheme="majorBidi" w:hAnsiTheme="majorBidi" w:cstheme="majorBidi"/>
                <w:b/>
                <w:bCs/>
                <w:sz w:val="18"/>
                <w:szCs w:val="18"/>
                <w:rtl/>
              </w:rPr>
            </w:pPr>
            <w:r w:rsidRPr="002C0F16">
              <w:rPr>
                <w:rFonts w:asciiTheme="majorBidi" w:hAnsiTheme="majorBidi" w:cstheme="majorBidi"/>
                <w:b/>
                <w:bCs/>
                <w:sz w:val="18"/>
                <w:szCs w:val="18"/>
              </w:rPr>
              <w:t>Roughness(nm)</w:t>
            </w:r>
          </w:p>
        </w:tc>
        <w:tc>
          <w:tcPr>
            <w:tcW w:w="2011" w:type="dxa"/>
            <w:tcBorders>
              <w:bottom w:val="single" w:sz="4" w:space="0" w:color="auto"/>
            </w:tcBorders>
            <w:hideMark/>
          </w:tcPr>
          <w:p w14:paraId="1E8E12EC" w14:textId="77777777" w:rsidR="00D227BA" w:rsidRPr="002C0F16" w:rsidRDefault="00D227BA" w:rsidP="00B50831">
            <w:pPr>
              <w:tabs>
                <w:tab w:val="left" w:pos="90"/>
              </w:tabs>
              <w:spacing w:after="200"/>
              <w:rPr>
                <w:rFonts w:asciiTheme="majorBidi" w:hAnsiTheme="majorBidi" w:cstheme="majorBidi"/>
                <w:b/>
                <w:bCs/>
                <w:sz w:val="18"/>
                <w:szCs w:val="18"/>
                <w:rtl/>
              </w:rPr>
            </w:pPr>
            <w:r w:rsidRPr="002C0F16">
              <w:rPr>
                <w:rFonts w:asciiTheme="majorBidi" w:hAnsiTheme="majorBidi" w:cstheme="majorBidi"/>
                <w:b/>
                <w:bCs/>
                <w:sz w:val="18"/>
                <w:szCs w:val="18"/>
              </w:rPr>
              <w:t>Mean diameter(nm)</w:t>
            </w:r>
          </w:p>
        </w:tc>
        <w:tc>
          <w:tcPr>
            <w:tcW w:w="2689" w:type="dxa"/>
            <w:tcBorders>
              <w:bottom w:val="single" w:sz="4" w:space="0" w:color="auto"/>
            </w:tcBorders>
            <w:hideMark/>
          </w:tcPr>
          <w:p w14:paraId="4B78B369" w14:textId="5A932903" w:rsidR="00D227BA" w:rsidRPr="002C0F16" w:rsidRDefault="00D227BA" w:rsidP="00B50831">
            <w:pPr>
              <w:tabs>
                <w:tab w:val="left" w:pos="90"/>
              </w:tabs>
              <w:spacing w:after="200"/>
              <w:rPr>
                <w:rFonts w:asciiTheme="majorBidi" w:hAnsiTheme="majorBidi" w:cstheme="majorBidi"/>
                <w:b/>
                <w:bCs/>
                <w:sz w:val="18"/>
                <w:szCs w:val="18"/>
              </w:rPr>
            </w:pPr>
            <w:r w:rsidRPr="002C0F16">
              <w:rPr>
                <w:rFonts w:asciiTheme="majorBidi" w:hAnsiTheme="majorBidi" w:cstheme="majorBidi"/>
                <w:b/>
                <w:bCs/>
                <w:sz w:val="18"/>
                <w:szCs w:val="18"/>
              </w:rPr>
              <w:t>Oxidation temp.(</w:t>
            </w:r>
            <m:oMath>
              <m:r>
                <m:rPr>
                  <m:sty m:val="bi"/>
                </m:rPr>
                <w:rPr>
                  <w:rFonts w:ascii="Cambria Math" w:hAnsi="Cambria Math" w:cstheme="majorBidi"/>
                  <w:sz w:val="18"/>
                  <w:szCs w:val="18"/>
                </w:rPr>
                <m:t>℃</m:t>
              </m:r>
            </m:oMath>
            <w:r w:rsidRPr="002C0F16">
              <w:rPr>
                <w:rFonts w:asciiTheme="majorBidi" w:hAnsiTheme="majorBidi" w:cstheme="majorBidi"/>
                <w:b/>
                <w:bCs/>
                <w:sz w:val="18"/>
                <w:szCs w:val="18"/>
              </w:rPr>
              <w:t>)</w:t>
            </w:r>
          </w:p>
        </w:tc>
      </w:tr>
      <w:tr w:rsidR="00D227BA" w:rsidRPr="00FC3143" w14:paraId="7EF28268" w14:textId="77777777" w:rsidTr="00B50831">
        <w:trPr>
          <w:trHeight w:val="22"/>
        </w:trPr>
        <w:tc>
          <w:tcPr>
            <w:tcW w:w="2159" w:type="dxa"/>
            <w:hideMark/>
          </w:tcPr>
          <w:p w14:paraId="203EE2F5" w14:textId="77777777" w:rsidR="00D227BA" w:rsidRPr="00FC3143" w:rsidRDefault="00D227BA" w:rsidP="00B50831">
            <w:pPr>
              <w:tabs>
                <w:tab w:val="left" w:pos="90"/>
              </w:tabs>
              <w:spacing w:after="200"/>
              <w:rPr>
                <w:rFonts w:asciiTheme="majorBidi" w:hAnsiTheme="majorBidi" w:cstheme="majorBidi"/>
                <w:sz w:val="20"/>
                <w:szCs w:val="20"/>
                <w:rtl/>
              </w:rPr>
            </w:pPr>
            <w:r w:rsidRPr="00FC3143">
              <w:rPr>
                <w:rFonts w:asciiTheme="majorBidi" w:hAnsiTheme="majorBidi" w:cstheme="majorBidi"/>
                <w:sz w:val="20"/>
                <w:szCs w:val="20"/>
              </w:rPr>
              <w:t>5.865</w:t>
            </w:r>
          </w:p>
        </w:tc>
        <w:tc>
          <w:tcPr>
            <w:tcW w:w="2075" w:type="dxa"/>
            <w:hideMark/>
          </w:tcPr>
          <w:p w14:paraId="2795A526" w14:textId="77777777" w:rsidR="00D227BA" w:rsidRPr="00FC3143" w:rsidRDefault="00D227BA" w:rsidP="00B50831">
            <w:pPr>
              <w:tabs>
                <w:tab w:val="left" w:pos="90"/>
              </w:tabs>
              <w:spacing w:after="200"/>
              <w:rPr>
                <w:rFonts w:asciiTheme="majorBidi" w:hAnsiTheme="majorBidi" w:cstheme="majorBidi"/>
                <w:sz w:val="20"/>
                <w:szCs w:val="20"/>
                <w:rtl/>
              </w:rPr>
            </w:pPr>
            <w:r w:rsidRPr="00FC3143">
              <w:rPr>
                <w:rFonts w:asciiTheme="majorBidi" w:hAnsiTheme="majorBidi" w:cstheme="majorBidi"/>
                <w:sz w:val="20"/>
                <w:szCs w:val="20"/>
              </w:rPr>
              <w:t>3.178</w:t>
            </w:r>
          </w:p>
        </w:tc>
        <w:tc>
          <w:tcPr>
            <w:tcW w:w="2011" w:type="dxa"/>
            <w:hideMark/>
          </w:tcPr>
          <w:p w14:paraId="32ED7BF8" w14:textId="77777777" w:rsidR="00D227BA" w:rsidRPr="00FC3143" w:rsidRDefault="00D227BA" w:rsidP="00B50831">
            <w:pPr>
              <w:tabs>
                <w:tab w:val="left" w:pos="90"/>
              </w:tabs>
              <w:spacing w:after="200"/>
              <w:rPr>
                <w:rFonts w:asciiTheme="majorBidi" w:hAnsiTheme="majorBidi" w:cstheme="majorBidi"/>
                <w:sz w:val="20"/>
                <w:szCs w:val="20"/>
                <w:rtl/>
              </w:rPr>
            </w:pPr>
            <w:r w:rsidRPr="00FC3143">
              <w:rPr>
                <w:rFonts w:asciiTheme="majorBidi" w:hAnsiTheme="majorBidi" w:cstheme="majorBidi"/>
                <w:sz w:val="20"/>
                <w:szCs w:val="20"/>
              </w:rPr>
              <w:t>59.74</w:t>
            </w:r>
          </w:p>
        </w:tc>
        <w:tc>
          <w:tcPr>
            <w:tcW w:w="2689" w:type="dxa"/>
            <w:hideMark/>
          </w:tcPr>
          <w:p w14:paraId="5BB9B8C7" w14:textId="77777777" w:rsidR="00D227BA" w:rsidRPr="00FC3143" w:rsidRDefault="00D227BA" w:rsidP="00B50831">
            <w:pPr>
              <w:tabs>
                <w:tab w:val="left" w:pos="90"/>
              </w:tabs>
              <w:spacing w:after="200"/>
              <w:rPr>
                <w:rFonts w:asciiTheme="majorBidi" w:hAnsiTheme="majorBidi" w:cstheme="majorBidi"/>
                <w:sz w:val="20"/>
                <w:szCs w:val="20"/>
                <w:rtl/>
              </w:rPr>
            </w:pPr>
            <w:r w:rsidRPr="00FC3143">
              <w:rPr>
                <w:rFonts w:asciiTheme="majorBidi" w:hAnsiTheme="majorBidi" w:cstheme="majorBidi"/>
                <w:sz w:val="20"/>
                <w:szCs w:val="20"/>
              </w:rPr>
              <w:t xml:space="preserve">300  </w:t>
            </w:r>
          </w:p>
        </w:tc>
      </w:tr>
      <w:tr w:rsidR="00D227BA" w:rsidRPr="00FC3143" w14:paraId="70218DE8" w14:textId="77777777" w:rsidTr="00B50831">
        <w:trPr>
          <w:trHeight w:val="22"/>
        </w:trPr>
        <w:tc>
          <w:tcPr>
            <w:tcW w:w="2159" w:type="dxa"/>
            <w:hideMark/>
          </w:tcPr>
          <w:p w14:paraId="3881C100" w14:textId="77777777" w:rsidR="00D227BA" w:rsidRPr="00FC3143" w:rsidRDefault="00D227BA" w:rsidP="00B50831">
            <w:pPr>
              <w:tabs>
                <w:tab w:val="left" w:pos="90"/>
              </w:tabs>
              <w:spacing w:after="200"/>
              <w:rPr>
                <w:rFonts w:asciiTheme="majorBidi" w:hAnsiTheme="majorBidi" w:cstheme="majorBidi"/>
                <w:sz w:val="20"/>
                <w:szCs w:val="20"/>
                <w:rtl/>
              </w:rPr>
            </w:pPr>
            <w:r w:rsidRPr="00FC3143">
              <w:rPr>
                <w:rFonts w:asciiTheme="majorBidi" w:hAnsiTheme="majorBidi" w:cstheme="majorBidi"/>
                <w:sz w:val="20"/>
                <w:szCs w:val="20"/>
              </w:rPr>
              <w:t>8.836</w:t>
            </w:r>
          </w:p>
        </w:tc>
        <w:tc>
          <w:tcPr>
            <w:tcW w:w="2075" w:type="dxa"/>
            <w:hideMark/>
          </w:tcPr>
          <w:p w14:paraId="64D5E228" w14:textId="77777777" w:rsidR="00D227BA" w:rsidRPr="00FC3143" w:rsidRDefault="00D227BA" w:rsidP="00B50831">
            <w:pPr>
              <w:tabs>
                <w:tab w:val="left" w:pos="90"/>
              </w:tabs>
              <w:spacing w:after="200"/>
              <w:rPr>
                <w:rFonts w:asciiTheme="majorBidi" w:hAnsiTheme="majorBidi" w:cstheme="majorBidi"/>
                <w:sz w:val="20"/>
                <w:szCs w:val="20"/>
                <w:rtl/>
              </w:rPr>
            </w:pPr>
            <w:r w:rsidRPr="00FC3143">
              <w:rPr>
                <w:rFonts w:asciiTheme="majorBidi" w:hAnsiTheme="majorBidi" w:cstheme="majorBidi"/>
                <w:sz w:val="20"/>
                <w:szCs w:val="20"/>
              </w:rPr>
              <w:t>6.313</w:t>
            </w:r>
          </w:p>
        </w:tc>
        <w:tc>
          <w:tcPr>
            <w:tcW w:w="2011" w:type="dxa"/>
            <w:hideMark/>
          </w:tcPr>
          <w:p w14:paraId="7C520B78" w14:textId="77777777" w:rsidR="00D227BA" w:rsidRPr="00FC3143" w:rsidRDefault="00D227BA" w:rsidP="00B50831">
            <w:pPr>
              <w:tabs>
                <w:tab w:val="left" w:pos="90"/>
              </w:tabs>
              <w:spacing w:after="200"/>
              <w:rPr>
                <w:rFonts w:asciiTheme="majorBidi" w:hAnsiTheme="majorBidi" w:cstheme="majorBidi"/>
                <w:sz w:val="20"/>
                <w:szCs w:val="20"/>
                <w:rtl/>
              </w:rPr>
            </w:pPr>
            <w:r w:rsidRPr="00FC3143">
              <w:rPr>
                <w:rFonts w:asciiTheme="majorBidi" w:hAnsiTheme="majorBidi" w:cstheme="majorBidi"/>
                <w:sz w:val="20"/>
                <w:szCs w:val="20"/>
              </w:rPr>
              <w:t>30.78</w:t>
            </w:r>
          </w:p>
        </w:tc>
        <w:tc>
          <w:tcPr>
            <w:tcW w:w="2689" w:type="dxa"/>
            <w:hideMark/>
          </w:tcPr>
          <w:p w14:paraId="728EECDB" w14:textId="77777777" w:rsidR="00D227BA" w:rsidRPr="00FC3143" w:rsidRDefault="00D227BA" w:rsidP="00B50831">
            <w:pPr>
              <w:tabs>
                <w:tab w:val="left" w:pos="90"/>
              </w:tabs>
              <w:spacing w:after="200"/>
              <w:rPr>
                <w:rFonts w:asciiTheme="majorBidi" w:hAnsiTheme="majorBidi" w:cstheme="majorBidi"/>
                <w:sz w:val="20"/>
                <w:szCs w:val="20"/>
                <w:rtl/>
              </w:rPr>
            </w:pPr>
            <w:r w:rsidRPr="00FC3143">
              <w:rPr>
                <w:rFonts w:asciiTheme="majorBidi" w:hAnsiTheme="majorBidi" w:cstheme="majorBidi"/>
                <w:sz w:val="20"/>
                <w:szCs w:val="20"/>
              </w:rPr>
              <w:t xml:space="preserve">400     </w:t>
            </w:r>
          </w:p>
        </w:tc>
      </w:tr>
    </w:tbl>
    <w:p w14:paraId="0BDDFF0C" w14:textId="77777777" w:rsidR="00F8217E" w:rsidRPr="00D227BA" w:rsidRDefault="00F8217E" w:rsidP="00F8217E">
      <w:pPr>
        <w:tabs>
          <w:tab w:val="left" w:pos="90"/>
        </w:tabs>
        <w:spacing w:after="0" w:line="240" w:lineRule="auto"/>
        <w:jc w:val="center"/>
        <w:rPr>
          <w:rFonts w:asciiTheme="majorBidi" w:hAnsiTheme="majorBidi" w:cstheme="majorBidi"/>
          <w:sz w:val="18"/>
          <w:szCs w:val="18"/>
        </w:rPr>
      </w:pPr>
      <w:r w:rsidRPr="00D227BA">
        <w:rPr>
          <w:rFonts w:asciiTheme="majorBidi" w:hAnsiTheme="majorBidi" w:cstheme="majorBidi"/>
          <w:b/>
          <w:bCs/>
          <w:sz w:val="18"/>
          <w:szCs w:val="18"/>
        </w:rPr>
        <w:t>TABLE 3</w:t>
      </w:r>
      <w:r w:rsidRPr="00D227BA">
        <w:rPr>
          <w:rFonts w:asciiTheme="majorBidi" w:hAnsiTheme="majorBidi" w:cstheme="majorBidi"/>
          <w:sz w:val="18"/>
          <w:szCs w:val="18"/>
        </w:rPr>
        <w:t>. AFM parameters</w:t>
      </w:r>
    </w:p>
    <w:p w14:paraId="23B0927E" w14:textId="77777777" w:rsidR="00E36955" w:rsidRPr="00E36955" w:rsidRDefault="00E36955" w:rsidP="00F8217E">
      <w:pPr>
        <w:pStyle w:val="ListParagraph"/>
        <w:tabs>
          <w:tab w:val="left" w:pos="90"/>
        </w:tabs>
        <w:spacing w:after="0" w:line="240" w:lineRule="auto"/>
        <w:ind w:left="0"/>
        <w:rPr>
          <w:rFonts w:asciiTheme="majorBidi" w:hAnsiTheme="majorBidi" w:cstheme="majorBidi"/>
          <w:sz w:val="20"/>
          <w:szCs w:val="20"/>
        </w:rPr>
      </w:pPr>
    </w:p>
    <w:p w14:paraId="598C71AD" w14:textId="33D23E66" w:rsidR="00FC55DE" w:rsidRDefault="00E73D55" w:rsidP="00B50831">
      <w:pPr>
        <w:pStyle w:val="ListParagraph"/>
        <w:tabs>
          <w:tab w:val="left" w:pos="90"/>
        </w:tabs>
        <w:spacing w:before="240" w:after="240" w:line="240" w:lineRule="auto"/>
        <w:ind w:left="0"/>
        <w:jc w:val="center"/>
        <w:rPr>
          <w:rFonts w:asciiTheme="majorBidi" w:hAnsiTheme="majorBidi" w:cstheme="majorBidi"/>
          <w:b/>
          <w:bCs/>
          <w:sz w:val="24"/>
          <w:szCs w:val="24"/>
        </w:rPr>
      </w:pPr>
      <w:r w:rsidRPr="002C0F16">
        <w:rPr>
          <w:rFonts w:asciiTheme="majorBidi" w:hAnsiTheme="majorBidi" w:cstheme="majorBidi"/>
          <w:b/>
          <w:bCs/>
          <w:sz w:val="24"/>
          <w:szCs w:val="24"/>
        </w:rPr>
        <w:t xml:space="preserve">The </w:t>
      </w:r>
      <w:r w:rsidR="007648CA" w:rsidRPr="002C0F16">
        <w:rPr>
          <w:rFonts w:asciiTheme="majorBidi" w:hAnsiTheme="majorBidi" w:cstheme="majorBidi"/>
          <w:b/>
          <w:bCs/>
          <w:sz w:val="24"/>
          <w:szCs w:val="24"/>
        </w:rPr>
        <w:t>O</w:t>
      </w:r>
      <w:r w:rsidRPr="002C0F16">
        <w:rPr>
          <w:rFonts w:asciiTheme="majorBidi" w:hAnsiTheme="majorBidi" w:cstheme="majorBidi"/>
          <w:b/>
          <w:bCs/>
          <w:sz w:val="24"/>
          <w:szCs w:val="24"/>
        </w:rPr>
        <w:t xml:space="preserve">ptical </w:t>
      </w:r>
      <w:r w:rsidR="007648CA" w:rsidRPr="002C0F16">
        <w:rPr>
          <w:rFonts w:asciiTheme="majorBidi" w:hAnsiTheme="majorBidi" w:cstheme="majorBidi"/>
          <w:b/>
          <w:bCs/>
          <w:sz w:val="24"/>
          <w:szCs w:val="24"/>
        </w:rPr>
        <w:t>P</w:t>
      </w:r>
      <w:r w:rsidR="00FB0EE7" w:rsidRPr="002C0F16">
        <w:rPr>
          <w:rFonts w:asciiTheme="majorBidi" w:hAnsiTheme="majorBidi" w:cstheme="majorBidi"/>
          <w:b/>
          <w:bCs/>
          <w:sz w:val="24"/>
          <w:szCs w:val="24"/>
        </w:rPr>
        <w:t>roperties</w:t>
      </w:r>
    </w:p>
    <w:p w14:paraId="36A761EF" w14:textId="77777777" w:rsidR="00B50831" w:rsidRPr="00B50831" w:rsidRDefault="00B50831" w:rsidP="00B50831">
      <w:pPr>
        <w:pStyle w:val="ListParagraph"/>
        <w:tabs>
          <w:tab w:val="left" w:pos="90"/>
        </w:tabs>
        <w:spacing w:before="240" w:after="240" w:line="240" w:lineRule="auto"/>
        <w:ind w:left="0"/>
        <w:jc w:val="center"/>
        <w:rPr>
          <w:rFonts w:asciiTheme="majorBidi" w:hAnsiTheme="majorBidi" w:cstheme="majorBidi"/>
          <w:b/>
          <w:bCs/>
          <w:sz w:val="20"/>
          <w:szCs w:val="20"/>
        </w:rPr>
      </w:pPr>
    </w:p>
    <w:p w14:paraId="7BF1CD9D" w14:textId="309A59C1" w:rsidR="00FB0EE7" w:rsidRPr="00FC3143" w:rsidRDefault="00FD69EB" w:rsidP="00B50831">
      <w:pPr>
        <w:pStyle w:val="ListParagraph"/>
        <w:tabs>
          <w:tab w:val="left" w:pos="90"/>
        </w:tabs>
        <w:spacing w:line="240" w:lineRule="auto"/>
        <w:ind w:left="0"/>
        <w:rPr>
          <w:rFonts w:asciiTheme="majorBidi" w:hAnsiTheme="majorBidi" w:cstheme="majorBidi"/>
          <w:sz w:val="20"/>
          <w:szCs w:val="20"/>
        </w:rPr>
      </w:pPr>
      <w:r>
        <w:rPr>
          <w:rFonts w:asciiTheme="majorBidi" w:hAnsiTheme="majorBidi" w:cstheme="majorBidi"/>
          <w:sz w:val="20"/>
          <w:szCs w:val="20"/>
        </w:rPr>
        <w:t xml:space="preserve">     </w:t>
      </w:r>
      <w:r w:rsidR="00FB0EE7" w:rsidRPr="00FC3143">
        <w:rPr>
          <w:rFonts w:asciiTheme="majorBidi" w:hAnsiTheme="majorBidi" w:cstheme="majorBidi"/>
          <w:sz w:val="20"/>
          <w:szCs w:val="20"/>
        </w:rPr>
        <w:t xml:space="preserve">The transmission of </w:t>
      </w:r>
      <w:r w:rsidR="00794C6A" w:rsidRPr="00FC3143">
        <w:rPr>
          <w:rFonts w:asciiTheme="majorBidi" w:hAnsiTheme="majorBidi" w:cstheme="majorBidi"/>
          <w:sz w:val="20"/>
          <w:szCs w:val="20"/>
        </w:rPr>
        <w:t xml:space="preserve">tin </w:t>
      </w:r>
      <w:r w:rsidR="001F7583" w:rsidRPr="00FC3143">
        <w:rPr>
          <w:rFonts w:asciiTheme="majorBidi" w:hAnsiTheme="majorBidi" w:cstheme="majorBidi"/>
          <w:sz w:val="20"/>
          <w:szCs w:val="20"/>
        </w:rPr>
        <w:t>oxide thin</w:t>
      </w:r>
      <w:r w:rsidR="00FB0EE7" w:rsidRPr="00FC3143">
        <w:rPr>
          <w:rFonts w:asciiTheme="majorBidi" w:hAnsiTheme="majorBidi" w:cstheme="majorBidi"/>
          <w:sz w:val="20"/>
          <w:szCs w:val="20"/>
        </w:rPr>
        <w:t xml:space="preserve"> films are shown in Fig. </w:t>
      </w:r>
      <w:r w:rsidR="005E3617" w:rsidRPr="00FC3143">
        <w:rPr>
          <w:rFonts w:asciiTheme="majorBidi" w:hAnsiTheme="majorBidi" w:cstheme="majorBidi"/>
          <w:sz w:val="20"/>
          <w:szCs w:val="20"/>
        </w:rPr>
        <w:t>3</w:t>
      </w:r>
      <w:r w:rsidR="00FB0EE7" w:rsidRPr="00FC3143">
        <w:rPr>
          <w:rFonts w:asciiTheme="majorBidi" w:hAnsiTheme="majorBidi" w:cstheme="majorBidi"/>
          <w:sz w:val="20"/>
          <w:szCs w:val="20"/>
        </w:rPr>
        <w:t xml:space="preserve"> </w:t>
      </w:r>
      <w:r w:rsidR="001F7583" w:rsidRPr="00FC3143">
        <w:rPr>
          <w:rFonts w:asciiTheme="majorBidi" w:hAnsiTheme="majorBidi" w:cstheme="majorBidi"/>
          <w:sz w:val="20"/>
          <w:szCs w:val="20"/>
        </w:rPr>
        <w:t>change the</w:t>
      </w:r>
      <w:r w:rsidR="00FB0EE7" w:rsidRPr="00FC3143">
        <w:rPr>
          <w:rFonts w:asciiTheme="majorBidi" w:hAnsiTheme="majorBidi" w:cstheme="majorBidi"/>
          <w:sz w:val="20"/>
          <w:szCs w:val="20"/>
        </w:rPr>
        <w:t xml:space="preserve"> wavelength in the region of </w:t>
      </w:r>
      <w:r w:rsidR="00C16DB1" w:rsidRPr="00FC3143">
        <w:rPr>
          <w:rFonts w:asciiTheme="majorBidi" w:hAnsiTheme="majorBidi" w:cstheme="majorBidi"/>
          <w:sz w:val="20"/>
          <w:szCs w:val="20"/>
        </w:rPr>
        <w:t>3</w:t>
      </w:r>
      <w:r w:rsidR="00FB0EE7" w:rsidRPr="00FC3143">
        <w:rPr>
          <w:rFonts w:asciiTheme="majorBidi" w:hAnsiTheme="majorBidi" w:cstheme="majorBidi"/>
          <w:sz w:val="20"/>
          <w:szCs w:val="20"/>
        </w:rPr>
        <w:t>00 nm – 1100 nm. The average transmission of the SnO</w:t>
      </w:r>
      <w:r w:rsidR="00FB0EE7" w:rsidRPr="00FC3143">
        <w:rPr>
          <w:rFonts w:asciiTheme="majorBidi" w:hAnsiTheme="majorBidi" w:cstheme="majorBidi"/>
          <w:sz w:val="20"/>
          <w:szCs w:val="20"/>
          <w:vertAlign w:val="subscript"/>
        </w:rPr>
        <w:t>2</w:t>
      </w:r>
      <w:r w:rsidR="00FB0EE7" w:rsidRPr="00FC3143">
        <w:rPr>
          <w:rFonts w:asciiTheme="majorBidi" w:hAnsiTheme="majorBidi" w:cstheme="majorBidi"/>
          <w:sz w:val="20"/>
          <w:szCs w:val="20"/>
        </w:rPr>
        <w:t xml:space="preserve"> films was </w:t>
      </w:r>
      <w:r w:rsidR="000D4248" w:rsidRPr="00FC3143">
        <w:rPr>
          <w:rFonts w:asciiTheme="majorBidi" w:hAnsiTheme="majorBidi" w:cstheme="majorBidi"/>
          <w:sz w:val="20"/>
          <w:szCs w:val="20"/>
        </w:rPr>
        <w:t>less</w:t>
      </w:r>
      <w:r w:rsidR="00FB0EE7" w:rsidRPr="00FC3143">
        <w:rPr>
          <w:rFonts w:asciiTheme="majorBidi" w:hAnsiTheme="majorBidi" w:cstheme="majorBidi"/>
          <w:sz w:val="20"/>
          <w:szCs w:val="20"/>
        </w:rPr>
        <w:t xml:space="preserve"> than </w:t>
      </w:r>
      <w:r w:rsidR="000D4248" w:rsidRPr="00FC3143">
        <w:rPr>
          <w:rFonts w:asciiTheme="majorBidi" w:hAnsiTheme="majorBidi" w:cstheme="majorBidi"/>
          <w:sz w:val="20"/>
          <w:szCs w:val="20"/>
        </w:rPr>
        <w:t>7</w:t>
      </w:r>
      <w:r w:rsidR="00FB0EE7" w:rsidRPr="00FC3143">
        <w:rPr>
          <w:rFonts w:asciiTheme="majorBidi" w:hAnsiTheme="majorBidi" w:cstheme="majorBidi"/>
          <w:sz w:val="20"/>
          <w:szCs w:val="20"/>
        </w:rPr>
        <w:t xml:space="preserve">0% over 400nm. </w:t>
      </w:r>
    </w:p>
    <w:p w14:paraId="066A0317" w14:textId="77777777" w:rsidR="00FC55DE" w:rsidRPr="00FC3143" w:rsidRDefault="00DE171E" w:rsidP="00B50831">
      <w:pPr>
        <w:tabs>
          <w:tab w:val="left" w:pos="90"/>
        </w:tabs>
        <w:spacing w:line="240" w:lineRule="auto"/>
        <w:jc w:val="center"/>
        <w:rPr>
          <w:rFonts w:asciiTheme="majorBidi" w:hAnsiTheme="majorBidi" w:cstheme="majorBidi"/>
          <w:sz w:val="20"/>
          <w:szCs w:val="20"/>
        </w:rPr>
      </w:pPr>
      <w:r w:rsidRPr="00FC3143">
        <w:rPr>
          <w:rFonts w:asciiTheme="majorBidi" w:hAnsiTheme="majorBidi" w:cstheme="majorBidi"/>
          <w:noProof/>
          <w:sz w:val="20"/>
          <w:szCs w:val="20"/>
        </w:rPr>
        <w:drawing>
          <wp:inline distT="0" distB="0" distL="0" distR="0" wp14:anchorId="22F5F219" wp14:editId="207C8BE7">
            <wp:extent cx="3743325" cy="2143125"/>
            <wp:effectExtent l="0" t="0" r="9525" b="9525"/>
            <wp:docPr id="7" name="Chart 7"/>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14:paraId="47F72C07" w14:textId="584A9220" w:rsidR="00611EEC" w:rsidRPr="007648CA" w:rsidRDefault="00B74494" w:rsidP="00B50831">
      <w:pPr>
        <w:tabs>
          <w:tab w:val="left" w:pos="90"/>
        </w:tabs>
        <w:spacing w:line="240" w:lineRule="auto"/>
        <w:jc w:val="center"/>
        <w:rPr>
          <w:rFonts w:asciiTheme="majorBidi" w:hAnsiTheme="majorBidi" w:cstheme="majorBidi"/>
          <w:sz w:val="18"/>
          <w:szCs w:val="18"/>
        </w:rPr>
      </w:pPr>
      <w:r w:rsidRPr="007648CA">
        <w:rPr>
          <w:rFonts w:asciiTheme="majorBidi" w:hAnsiTheme="majorBidi" w:cstheme="majorBidi"/>
          <w:b/>
          <w:bCs/>
          <w:sz w:val="18"/>
          <w:szCs w:val="18"/>
        </w:rPr>
        <w:t>FIGURE 3</w:t>
      </w:r>
      <w:r w:rsidRPr="007648CA">
        <w:rPr>
          <w:rFonts w:asciiTheme="majorBidi" w:hAnsiTheme="majorBidi" w:cstheme="majorBidi"/>
          <w:sz w:val="18"/>
          <w:szCs w:val="18"/>
        </w:rPr>
        <w:t>.</w:t>
      </w:r>
      <w:r w:rsidR="001E4B2C" w:rsidRPr="007648CA">
        <w:rPr>
          <w:rFonts w:asciiTheme="majorBidi" w:hAnsiTheme="majorBidi" w:cstheme="majorBidi"/>
          <w:sz w:val="18"/>
          <w:szCs w:val="18"/>
        </w:rPr>
        <w:t xml:space="preserve"> Transmission of the SnO</w:t>
      </w:r>
      <w:r w:rsidR="001E4B2C" w:rsidRPr="007648CA">
        <w:rPr>
          <w:rFonts w:asciiTheme="majorBidi" w:hAnsiTheme="majorBidi" w:cstheme="majorBidi"/>
          <w:sz w:val="18"/>
          <w:szCs w:val="18"/>
          <w:vertAlign w:val="subscript"/>
        </w:rPr>
        <w:t>2</w:t>
      </w:r>
      <w:r w:rsidR="001E4B2C" w:rsidRPr="007648CA">
        <w:rPr>
          <w:rFonts w:asciiTheme="majorBidi" w:hAnsiTheme="majorBidi" w:cstheme="majorBidi"/>
          <w:sz w:val="18"/>
          <w:szCs w:val="18"/>
        </w:rPr>
        <w:t xml:space="preserve"> </w:t>
      </w:r>
      <w:r w:rsidR="001113F2" w:rsidRPr="007648CA">
        <w:rPr>
          <w:rFonts w:asciiTheme="majorBidi" w:hAnsiTheme="majorBidi" w:cstheme="majorBidi"/>
          <w:sz w:val="18"/>
          <w:szCs w:val="18"/>
        </w:rPr>
        <w:t>thin</w:t>
      </w:r>
      <w:r w:rsidRPr="007648CA">
        <w:rPr>
          <w:rFonts w:asciiTheme="majorBidi" w:hAnsiTheme="majorBidi" w:cstheme="majorBidi"/>
          <w:sz w:val="18"/>
          <w:szCs w:val="18"/>
        </w:rPr>
        <w:t xml:space="preserve"> </w:t>
      </w:r>
      <w:r w:rsidR="001E4B2C" w:rsidRPr="007648CA">
        <w:rPr>
          <w:rFonts w:asciiTheme="majorBidi" w:hAnsiTheme="majorBidi" w:cstheme="majorBidi"/>
          <w:sz w:val="18"/>
          <w:szCs w:val="18"/>
        </w:rPr>
        <w:t>films.</w:t>
      </w:r>
    </w:p>
    <w:p w14:paraId="0284FAA2" w14:textId="77777777" w:rsidR="00611EEC" w:rsidRPr="00FC3143" w:rsidRDefault="008C1099" w:rsidP="00B50831">
      <w:pPr>
        <w:tabs>
          <w:tab w:val="left" w:pos="90"/>
        </w:tabs>
        <w:spacing w:line="240" w:lineRule="auto"/>
        <w:rPr>
          <w:rFonts w:asciiTheme="majorBidi" w:hAnsiTheme="majorBidi" w:cstheme="majorBidi"/>
          <w:sz w:val="20"/>
          <w:szCs w:val="20"/>
        </w:rPr>
      </w:pPr>
      <w:r w:rsidRPr="00FC3143">
        <w:rPr>
          <w:rFonts w:asciiTheme="majorBidi" w:hAnsiTheme="majorBidi" w:cstheme="majorBidi"/>
          <w:sz w:val="20"/>
          <w:szCs w:val="20"/>
        </w:rPr>
        <w:t>From the relationship number (</w:t>
      </w:r>
      <w:r w:rsidRPr="00FC3143">
        <w:rPr>
          <w:rFonts w:asciiTheme="majorBidi" w:hAnsiTheme="majorBidi" w:cstheme="majorBidi"/>
          <w:sz w:val="20"/>
          <w:szCs w:val="20"/>
          <w:rtl/>
        </w:rPr>
        <w:t>5</w:t>
      </w:r>
      <w:r w:rsidRPr="00FC3143">
        <w:rPr>
          <w:rFonts w:asciiTheme="majorBidi" w:hAnsiTheme="majorBidi" w:cstheme="majorBidi"/>
          <w:sz w:val="20"/>
          <w:szCs w:val="20"/>
        </w:rPr>
        <w:t xml:space="preserve">) the absorption coefficient was calculated. </w:t>
      </w:r>
      <w:r w:rsidR="007D08FC" w:rsidRPr="00FC3143">
        <w:rPr>
          <w:rFonts w:asciiTheme="majorBidi" w:hAnsiTheme="majorBidi" w:cstheme="majorBidi"/>
          <w:sz w:val="20"/>
          <w:szCs w:val="20"/>
        </w:rPr>
        <w:t>[15].</w:t>
      </w:r>
    </w:p>
    <w:p w14:paraId="428FB8FF" w14:textId="100E77B8" w:rsidR="007D08FC" w:rsidRPr="00FC3143" w:rsidRDefault="007D08FC" w:rsidP="00B50831">
      <w:pPr>
        <w:tabs>
          <w:tab w:val="left" w:pos="90"/>
        </w:tabs>
        <w:spacing w:line="240" w:lineRule="auto"/>
        <w:jc w:val="right"/>
        <w:rPr>
          <w:rFonts w:asciiTheme="majorBidi" w:hAnsiTheme="majorBidi" w:cstheme="majorBidi"/>
          <w:sz w:val="20"/>
          <w:szCs w:val="20"/>
        </w:rPr>
      </w:pPr>
      <w:r w:rsidRPr="00FC3143">
        <w:rPr>
          <w:rFonts w:asciiTheme="majorBidi" w:hAnsiTheme="majorBidi" w:cstheme="majorBidi"/>
          <w:sz w:val="20"/>
          <w:szCs w:val="20"/>
        </w:rPr>
        <w:t>α =</w:t>
      </w:r>
      <m:oMath>
        <m:r>
          <w:rPr>
            <w:rFonts w:ascii="Cambria Math" w:hAnsi="Cambria Math" w:cstheme="majorBidi"/>
            <w:sz w:val="20"/>
            <w:szCs w:val="20"/>
          </w:rPr>
          <m:t xml:space="preserve"> </m:t>
        </m:r>
        <m:f>
          <m:fPr>
            <m:ctrlPr>
              <w:rPr>
                <w:rFonts w:ascii="Cambria Math" w:hAnsi="Cambria Math" w:cstheme="majorBidi"/>
                <w:i/>
                <w:sz w:val="20"/>
                <w:szCs w:val="20"/>
              </w:rPr>
            </m:ctrlPr>
          </m:fPr>
          <m:num>
            <m:r>
              <w:rPr>
                <w:rFonts w:ascii="Cambria Math" w:hAnsi="Cambria Math" w:cstheme="majorBidi"/>
                <w:sz w:val="20"/>
                <w:szCs w:val="20"/>
              </w:rPr>
              <m:t>2.303A</m:t>
            </m:r>
          </m:num>
          <m:den>
            <m:r>
              <w:rPr>
                <w:rFonts w:ascii="Cambria Math" w:hAnsi="Cambria Math" w:cstheme="majorBidi"/>
                <w:sz w:val="20"/>
                <w:szCs w:val="20"/>
              </w:rPr>
              <m:t>t</m:t>
            </m:r>
          </m:den>
        </m:f>
      </m:oMath>
      <w:r w:rsidR="0043194C" w:rsidRPr="00FC3143">
        <w:rPr>
          <w:rFonts w:asciiTheme="majorBidi" w:hAnsiTheme="majorBidi" w:cstheme="majorBidi"/>
          <w:sz w:val="20"/>
          <w:szCs w:val="20"/>
        </w:rPr>
        <w:t xml:space="preserve">                                                                                   </w:t>
      </w:r>
      <w:r w:rsidR="00944E1E" w:rsidRPr="00FC3143">
        <w:rPr>
          <w:rFonts w:asciiTheme="majorBidi" w:hAnsiTheme="majorBidi" w:cstheme="majorBidi"/>
          <w:sz w:val="20"/>
          <w:szCs w:val="20"/>
        </w:rPr>
        <w:t>(5)</w:t>
      </w:r>
    </w:p>
    <w:p w14:paraId="1EB8E58F" w14:textId="77777777" w:rsidR="00FC55DE" w:rsidRPr="00FC3143" w:rsidRDefault="00006F50" w:rsidP="00B50831">
      <w:pPr>
        <w:tabs>
          <w:tab w:val="left" w:pos="90"/>
        </w:tabs>
        <w:spacing w:line="240" w:lineRule="auto"/>
        <w:jc w:val="center"/>
        <w:rPr>
          <w:rFonts w:asciiTheme="majorBidi" w:hAnsiTheme="majorBidi" w:cstheme="majorBidi"/>
          <w:sz w:val="20"/>
          <w:szCs w:val="20"/>
        </w:rPr>
      </w:pPr>
      <w:r w:rsidRPr="00FC3143">
        <w:rPr>
          <w:rFonts w:asciiTheme="majorBidi" w:hAnsiTheme="majorBidi" w:cstheme="majorBidi"/>
          <w:noProof/>
          <w:sz w:val="20"/>
          <w:szCs w:val="20"/>
        </w:rPr>
        <w:drawing>
          <wp:inline distT="0" distB="0" distL="0" distR="0" wp14:anchorId="7A531780" wp14:editId="2E906756">
            <wp:extent cx="3695700" cy="2085975"/>
            <wp:effectExtent l="0" t="0" r="0" b="9525"/>
            <wp:docPr id="11" name="Chart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14:paraId="364B5E0A" w14:textId="47C70415" w:rsidR="003E0143" w:rsidRPr="00B50831" w:rsidRDefault="00B74494" w:rsidP="00B50831">
      <w:pPr>
        <w:tabs>
          <w:tab w:val="left" w:pos="90"/>
        </w:tabs>
        <w:spacing w:line="240" w:lineRule="auto"/>
        <w:jc w:val="center"/>
        <w:rPr>
          <w:rFonts w:asciiTheme="majorBidi" w:hAnsiTheme="majorBidi" w:cstheme="majorBidi"/>
          <w:sz w:val="18"/>
          <w:szCs w:val="18"/>
          <w:lang w:val="fr-FR"/>
        </w:rPr>
      </w:pPr>
      <w:r w:rsidRPr="00B50831">
        <w:rPr>
          <w:rFonts w:asciiTheme="majorBidi" w:hAnsiTheme="majorBidi" w:cstheme="majorBidi"/>
          <w:b/>
          <w:bCs/>
          <w:sz w:val="18"/>
          <w:szCs w:val="18"/>
          <w:lang w:val="fr-FR"/>
        </w:rPr>
        <w:t>FIGURE 4.</w:t>
      </w:r>
      <w:r w:rsidRPr="00B50831">
        <w:rPr>
          <w:rFonts w:asciiTheme="majorBidi" w:hAnsiTheme="majorBidi" w:cstheme="majorBidi"/>
          <w:sz w:val="18"/>
          <w:szCs w:val="18"/>
          <w:lang w:val="fr-FR"/>
        </w:rPr>
        <w:t xml:space="preserve"> </w:t>
      </w:r>
      <w:r w:rsidR="00615F39" w:rsidRPr="00B50831">
        <w:rPr>
          <w:rFonts w:asciiTheme="majorBidi" w:hAnsiTheme="majorBidi" w:cstheme="majorBidi"/>
          <w:sz w:val="18"/>
          <w:szCs w:val="18"/>
          <w:lang w:val="fr-FR"/>
        </w:rPr>
        <w:t>Absorption coefficient (</w:t>
      </w:r>
      <w:r w:rsidR="004D2008" w:rsidRPr="00F45C84">
        <w:rPr>
          <w:rFonts w:asciiTheme="majorBidi" w:hAnsiTheme="majorBidi" w:cstheme="majorBidi"/>
          <w:sz w:val="18"/>
          <w:szCs w:val="18"/>
        </w:rPr>
        <w:t>α</w:t>
      </w:r>
      <w:r w:rsidR="00615F39" w:rsidRPr="00B50831">
        <w:rPr>
          <w:rFonts w:asciiTheme="majorBidi" w:hAnsiTheme="majorBidi" w:cstheme="majorBidi"/>
          <w:sz w:val="18"/>
          <w:szCs w:val="18"/>
          <w:lang w:val="fr-FR"/>
        </w:rPr>
        <w:t xml:space="preserve"> ) vs (h</w:t>
      </w:r>
      <w:r w:rsidR="004D2008" w:rsidRPr="00F45C84">
        <w:rPr>
          <w:rFonts w:ascii="Cambria Math" w:hAnsi="Cambria Math" w:cs="Cambria Math"/>
          <w:sz w:val="18"/>
          <w:szCs w:val="18"/>
        </w:rPr>
        <w:t>𝝼</w:t>
      </w:r>
      <w:r w:rsidR="00615F39" w:rsidRPr="00B50831">
        <w:rPr>
          <w:rFonts w:asciiTheme="majorBidi" w:hAnsiTheme="majorBidi" w:cstheme="majorBidi"/>
          <w:sz w:val="18"/>
          <w:szCs w:val="18"/>
          <w:lang w:val="fr-FR"/>
        </w:rPr>
        <w:t>)</w:t>
      </w:r>
    </w:p>
    <w:p w14:paraId="04637D3A" w14:textId="7253151E" w:rsidR="00715208" w:rsidRPr="00FC3143" w:rsidRDefault="00715208" w:rsidP="00B50831">
      <w:pPr>
        <w:tabs>
          <w:tab w:val="left" w:pos="90"/>
        </w:tabs>
        <w:spacing w:line="240" w:lineRule="auto"/>
        <w:rPr>
          <w:rFonts w:asciiTheme="majorBidi" w:hAnsiTheme="majorBidi" w:cstheme="majorBidi"/>
          <w:sz w:val="20"/>
          <w:szCs w:val="20"/>
        </w:rPr>
      </w:pPr>
      <w:r w:rsidRPr="00FC3143">
        <w:rPr>
          <w:rFonts w:asciiTheme="majorBidi" w:hAnsiTheme="majorBidi" w:cstheme="majorBidi"/>
          <w:sz w:val="20"/>
          <w:szCs w:val="20"/>
        </w:rPr>
        <w:t xml:space="preserve">The band gap energy (Eg) is determined using the equation [15, </w:t>
      </w:r>
      <w:r w:rsidR="00AB0FF9">
        <w:rPr>
          <w:rFonts w:asciiTheme="majorBidi" w:hAnsiTheme="majorBidi" w:cstheme="majorBidi"/>
          <w:sz w:val="20"/>
          <w:szCs w:val="20"/>
        </w:rPr>
        <w:t>24</w:t>
      </w:r>
      <w:r w:rsidRPr="00FC3143">
        <w:rPr>
          <w:rFonts w:asciiTheme="majorBidi" w:hAnsiTheme="majorBidi" w:cstheme="majorBidi"/>
          <w:sz w:val="20"/>
          <w:szCs w:val="20"/>
        </w:rPr>
        <w:t>]:</w:t>
      </w:r>
    </w:p>
    <w:p w14:paraId="77C7DA81" w14:textId="0439408E" w:rsidR="00715208" w:rsidRPr="00FC3143" w:rsidRDefault="00715208" w:rsidP="00B50831">
      <w:pPr>
        <w:tabs>
          <w:tab w:val="left" w:pos="90"/>
        </w:tabs>
        <w:spacing w:line="240" w:lineRule="auto"/>
        <w:jc w:val="right"/>
        <w:rPr>
          <w:rFonts w:asciiTheme="majorBidi" w:hAnsiTheme="majorBidi" w:cstheme="majorBidi"/>
          <w:sz w:val="20"/>
          <w:szCs w:val="20"/>
        </w:rPr>
      </w:pPr>
      <w:r w:rsidRPr="00823D52">
        <w:rPr>
          <w:rFonts w:asciiTheme="majorBidi" w:hAnsiTheme="majorBidi" w:cstheme="majorBidi"/>
          <w:sz w:val="20"/>
          <w:szCs w:val="20"/>
        </w:rPr>
        <w:t>α(hν) = A</w:t>
      </w:r>
      <w:r w:rsidR="00823D52" w:rsidRPr="00823D52">
        <w:rPr>
          <w:rFonts w:asciiTheme="majorBidi" w:hAnsiTheme="majorBidi" w:cstheme="majorBidi"/>
          <w:sz w:val="20"/>
          <w:szCs w:val="20"/>
        </w:rPr>
        <w:t xml:space="preserve"> </w:t>
      </w:r>
      <w:r w:rsidRPr="00823D52">
        <w:rPr>
          <w:rFonts w:asciiTheme="majorBidi" w:hAnsiTheme="majorBidi" w:cstheme="majorBidi"/>
          <w:sz w:val="20"/>
          <w:szCs w:val="20"/>
        </w:rPr>
        <w:t>(hν</w:t>
      </w:r>
      <w:r w:rsidR="00823D52" w:rsidRPr="00823D52">
        <w:rPr>
          <w:rFonts w:asciiTheme="majorBidi" w:hAnsiTheme="majorBidi" w:cstheme="majorBidi"/>
          <w:sz w:val="20"/>
          <w:szCs w:val="20"/>
        </w:rPr>
        <w:t xml:space="preserve"> –</w:t>
      </w:r>
      <w:r w:rsidRPr="00823D52">
        <w:rPr>
          <w:rFonts w:asciiTheme="majorBidi" w:hAnsiTheme="majorBidi" w:cstheme="majorBidi"/>
          <w:sz w:val="20"/>
          <w:szCs w:val="20"/>
        </w:rPr>
        <w:t xml:space="preserve"> Eg)</w:t>
      </w:r>
      <w:r w:rsidRPr="00823D52">
        <w:rPr>
          <w:rFonts w:asciiTheme="majorBidi" w:hAnsiTheme="majorBidi" w:cstheme="majorBidi"/>
          <w:sz w:val="20"/>
          <w:szCs w:val="20"/>
          <w:vertAlign w:val="superscript"/>
        </w:rPr>
        <w:t>r</w:t>
      </w:r>
      <w:r w:rsidRPr="00823D52">
        <w:rPr>
          <w:rFonts w:asciiTheme="majorBidi" w:hAnsiTheme="majorBidi" w:cstheme="majorBidi"/>
          <w:sz w:val="20"/>
          <w:szCs w:val="20"/>
        </w:rPr>
        <w:t xml:space="preserve"> </w:t>
      </w:r>
      <w:r w:rsidR="00E02D87" w:rsidRPr="00823D52">
        <w:rPr>
          <w:rFonts w:asciiTheme="majorBidi" w:hAnsiTheme="majorBidi" w:cstheme="majorBidi"/>
          <w:sz w:val="20"/>
          <w:szCs w:val="20"/>
        </w:rPr>
        <w:t xml:space="preserve">                                                                                  </w:t>
      </w:r>
      <w:r w:rsidRPr="00FC3143">
        <w:rPr>
          <w:rFonts w:asciiTheme="majorBidi" w:hAnsiTheme="majorBidi" w:cstheme="majorBidi"/>
          <w:sz w:val="20"/>
          <w:szCs w:val="20"/>
        </w:rPr>
        <w:t>(6)</w:t>
      </w:r>
    </w:p>
    <w:p w14:paraId="49168F28" w14:textId="5A47B31D" w:rsidR="00715208" w:rsidRPr="00FC3143" w:rsidRDefault="00715208" w:rsidP="00B50831">
      <w:pPr>
        <w:tabs>
          <w:tab w:val="left" w:pos="90"/>
        </w:tabs>
        <w:spacing w:line="240" w:lineRule="auto"/>
        <w:ind w:firstLine="284"/>
        <w:rPr>
          <w:rFonts w:asciiTheme="majorBidi" w:hAnsiTheme="majorBidi" w:cstheme="majorBidi"/>
          <w:sz w:val="20"/>
          <w:szCs w:val="20"/>
        </w:rPr>
      </w:pPr>
      <w:r w:rsidRPr="00FC3143">
        <w:rPr>
          <w:rFonts w:asciiTheme="majorBidi" w:hAnsiTheme="majorBidi" w:cstheme="majorBidi"/>
          <w:sz w:val="20"/>
          <w:szCs w:val="20"/>
        </w:rPr>
        <w:lastRenderedPageBreak/>
        <w:t>Figure 5 represents a plot of (αhν)</w:t>
      </w:r>
      <w:r w:rsidRPr="002248EF">
        <w:rPr>
          <w:rFonts w:asciiTheme="majorBidi" w:hAnsiTheme="majorBidi" w:cstheme="majorBidi"/>
          <w:sz w:val="20"/>
          <w:szCs w:val="20"/>
          <w:vertAlign w:val="superscript"/>
        </w:rPr>
        <w:t>2</w:t>
      </w:r>
      <w:r w:rsidRPr="00FC3143">
        <w:rPr>
          <w:rFonts w:asciiTheme="majorBidi" w:hAnsiTheme="majorBidi" w:cstheme="majorBidi"/>
          <w:sz w:val="20"/>
          <w:szCs w:val="20"/>
        </w:rPr>
        <w:t xml:space="preserve"> versus photon energy for the thin films. The band gap energy was found to be 2.</w:t>
      </w:r>
      <w:r w:rsidR="005B3996">
        <w:rPr>
          <w:rFonts w:asciiTheme="majorBidi" w:hAnsiTheme="majorBidi" w:cstheme="majorBidi"/>
          <w:sz w:val="20"/>
          <w:szCs w:val="20"/>
        </w:rPr>
        <w:t>8</w:t>
      </w:r>
      <w:r w:rsidRPr="00FC3143">
        <w:rPr>
          <w:rFonts w:asciiTheme="majorBidi" w:hAnsiTheme="majorBidi" w:cstheme="majorBidi"/>
          <w:sz w:val="20"/>
          <w:szCs w:val="20"/>
        </w:rPr>
        <w:t xml:space="preserve"> eV for the oxide sample at 300 °C and 3.</w:t>
      </w:r>
      <w:r w:rsidR="005B3996">
        <w:rPr>
          <w:rFonts w:asciiTheme="majorBidi" w:hAnsiTheme="majorBidi" w:cstheme="majorBidi"/>
          <w:sz w:val="20"/>
          <w:szCs w:val="20"/>
        </w:rPr>
        <w:t>1</w:t>
      </w:r>
      <w:r w:rsidRPr="00FC3143">
        <w:rPr>
          <w:rFonts w:asciiTheme="majorBidi" w:hAnsiTheme="majorBidi" w:cstheme="majorBidi"/>
          <w:sz w:val="20"/>
          <w:szCs w:val="20"/>
        </w:rPr>
        <w:t xml:space="preserve"> eV for the oxide sample at 400 °C, with the band gap increasing due to structural defects and oxygen vacancies.</w:t>
      </w:r>
    </w:p>
    <w:p w14:paraId="017EDAF6" w14:textId="10BB2597" w:rsidR="00B71254" w:rsidRPr="00FC3143" w:rsidRDefault="007B3069" w:rsidP="00F8217E">
      <w:pPr>
        <w:tabs>
          <w:tab w:val="left" w:pos="90"/>
        </w:tabs>
        <w:spacing w:after="0" w:line="240" w:lineRule="auto"/>
        <w:jc w:val="center"/>
        <w:rPr>
          <w:rFonts w:asciiTheme="majorBidi" w:hAnsiTheme="majorBidi" w:cstheme="majorBidi"/>
          <w:sz w:val="20"/>
          <w:szCs w:val="20"/>
        </w:rPr>
      </w:pPr>
      <w:r>
        <w:rPr>
          <w:noProof/>
        </w:rPr>
        <w:drawing>
          <wp:inline distT="0" distB="0" distL="0" distR="0" wp14:anchorId="769DDE94" wp14:editId="4BEF9D0F">
            <wp:extent cx="3840480" cy="2103120"/>
            <wp:effectExtent l="0" t="0" r="26670" b="11430"/>
            <wp:docPr id="8" name="Chart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14:paraId="7AA2B248" w14:textId="59DBB579" w:rsidR="008E35B8" w:rsidRPr="00BF256A" w:rsidRDefault="00B74494" w:rsidP="00B50831">
      <w:pPr>
        <w:tabs>
          <w:tab w:val="left" w:pos="90"/>
        </w:tabs>
        <w:spacing w:line="240" w:lineRule="auto"/>
        <w:jc w:val="center"/>
        <w:rPr>
          <w:rFonts w:asciiTheme="majorBidi" w:hAnsiTheme="majorBidi" w:cstheme="majorBidi"/>
          <w:sz w:val="18"/>
          <w:szCs w:val="18"/>
        </w:rPr>
      </w:pPr>
      <w:r w:rsidRPr="00BF256A">
        <w:rPr>
          <w:rFonts w:asciiTheme="majorBidi" w:hAnsiTheme="majorBidi" w:cstheme="majorBidi"/>
          <w:b/>
          <w:bCs/>
          <w:sz w:val="18"/>
          <w:szCs w:val="18"/>
        </w:rPr>
        <w:t>FIGURE 5</w:t>
      </w:r>
      <w:r w:rsidRPr="00BF256A">
        <w:rPr>
          <w:rFonts w:asciiTheme="majorBidi" w:hAnsiTheme="majorBidi" w:cstheme="majorBidi"/>
          <w:sz w:val="18"/>
          <w:szCs w:val="18"/>
        </w:rPr>
        <w:t>.</w:t>
      </w:r>
      <w:r w:rsidR="008E35B8" w:rsidRPr="00BF256A">
        <w:rPr>
          <w:rFonts w:asciiTheme="majorBidi" w:hAnsiTheme="majorBidi" w:cstheme="majorBidi"/>
          <w:sz w:val="18"/>
          <w:szCs w:val="18"/>
        </w:rPr>
        <w:t xml:space="preserve"> Energy gap of SnO</w:t>
      </w:r>
      <w:r w:rsidR="008E35B8" w:rsidRPr="00BF256A">
        <w:rPr>
          <w:rFonts w:asciiTheme="majorBidi" w:hAnsiTheme="majorBidi" w:cstheme="majorBidi"/>
          <w:sz w:val="18"/>
          <w:szCs w:val="18"/>
          <w:vertAlign w:val="subscript"/>
        </w:rPr>
        <w:t>2</w:t>
      </w:r>
      <w:r w:rsidR="008E35B8" w:rsidRPr="00BF256A">
        <w:rPr>
          <w:rFonts w:asciiTheme="majorBidi" w:hAnsiTheme="majorBidi" w:cstheme="majorBidi"/>
          <w:sz w:val="18"/>
          <w:szCs w:val="18"/>
        </w:rPr>
        <w:t xml:space="preserve"> thin film at different oxidation temp.</w:t>
      </w:r>
    </w:p>
    <w:p w14:paraId="2DD7A23F" w14:textId="5CCDD658" w:rsidR="00B71254" w:rsidRPr="00BF256A" w:rsidRDefault="00B74494" w:rsidP="00B50831">
      <w:pPr>
        <w:tabs>
          <w:tab w:val="left" w:pos="90"/>
        </w:tabs>
        <w:spacing w:line="240" w:lineRule="auto"/>
        <w:jc w:val="center"/>
        <w:rPr>
          <w:rFonts w:asciiTheme="majorBidi" w:hAnsiTheme="majorBidi" w:cstheme="majorBidi"/>
          <w:sz w:val="18"/>
          <w:szCs w:val="18"/>
        </w:rPr>
      </w:pPr>
      <w:r w:rsidRPr="00BF256A">
        <w:rPr>
          <w:rFonts w:asciiTheme="majorBidi" w:hAnsiTheme="majorBidi" w:cstheme="majorBidi"/>
          <w:b/>
          <w:bCs/>
          <w:sz w:val="18"/>
          <w:szCs w:val="18"/>
        </w:rPr>
        <w:t>TABLE 4.</w:t>
      </w:r>
      <w:r w:rsidRPr="00BF256A">
        <w:rPr>
          <w:rFonts w:asciiTheme="majorBidi" w:hAnsiTheme="majorBidi" w:cstheme="majorBidi"/>
          <w:sz w:val="18"/>
          <w:szCs w:val="18"/>
        </w:rPr>
        <w:t xml:space="preserve"> </w:t>
      </w:r>
      <w:r w:rsidR="008B7832" w:rsidRPr="00BF256A">
        <w:rPr>
          <w:rFonts w:asciiTheme="majorBidi" w:hAnsiTheme="majorBidi" w:cstheme="majorBidi"/>
          <w:sz w:val="18"/>
          <w:szCs w:val="18"/>
        </w:rPr>
        <w:t xml:space="preserve"> </w:t>
      </w:r>
      <w:r w:rsidRPr="00BF256A">
        <w:rPr>
          <w:rFonts w:asciiTheme="majorBidi" w:hAnsiTheme="majorBidi" w:cstheme="majorBidi"/>
          <w:sz w:val="18"/>
          <w:szCs w:val="18"/>
        </w:rPr>
        <w:t>Shows</w:t>
      </w:r>
      <w:r w:rsidR="008B7832" w:rsidRPr="00BF256A">
        <w:rPr>
          <w:rFonts w:asciiTheme="majorBidi" w:hAnsiTheme="majorBidi" w:cstheme="majorBidi"/>
          <w:sz w:val="18"/>
          <w:szCs w:val="18"/>
        </w:rPr>
        <w:t xml:space="preserve"> Absorption coefficient and Eg</w:t>
      </w:r>
    </w:p>
    <w:tbl>
      <w:tblPr>
        <w:tblStyle w:val="TableGrid"/>
        <w:tblW w:w="0" w:type="auto"/>
        <w:tblInd w:w="1908" w:type="dxa"/>
        <w:tblBorders>
          <w:left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127"/>
        <w:gridCol w:w="1626"/>
        <w:gridCol w:w="1800"/>
      </w:tblGrid>
      <w:tr w:rsidR="005D705E" w:rsidRPr="00FC3143" w14:paraId="00B81367" w14:textId="77777777" w:rsidTr="0034245D">
        <w:tc>
          <w:tcPr>
            <w:tcW w:w="2127" w:type="dxa"/>
            <w:tcBorders>
              <w:bottom w:val="single" w:sz="4" w:space="0" w:color="auto"/>
            </w:tcBorders>
          </w:tcPr>
          <w:p w14:paraId="447818F6" w14:textId="74B69D82" w:rsidR="005D705E" w:rsidRPr="00BF256A" w:rsidRDefault="00B74494" w:rsidP="00B50831">
            <w:pPr>
              <w:tabs>
                <w:tab w:val="left" w:pos="90"/>
              </w:tabs>
              <w:jc w:val="center"/>
              <w:rPr>
                <w:rFonts w:asciiTheme="majorBidi" w:hAnsiTheme="majorBidi" w:cstheme="majorBidi"/>
                <w:b/>
                <w:bCs/>
                <w:sz w:val="18"/>
                <w:szCs w:val="18"/>
              </w:rPr>
            </w:pPr>
            <w:r w:rsidRPr="00BF256A">
              <w:rPr>
                <w:rFonts w:asciiTheme="majorBidi" w:hAnsiTheme="majorBidi" w:cstheme="majorBidi"/>
                <w:b/>
                <w:bCs/>
                <w:sz w:val="18"/>
                <w:szCs w:val="18"/>
              </w:rPr>
              <w:t>Temp</w:t>
            </w:r>
            <w:r w:rsidR="0034245D">
              <w:rPr>
                <w:rFonts w:asciiTheme="majorBidi" w:hAnsiTheme="majorBidi" w:cstheme="majorBidi"/>
                <w:b/>
                <w:bCs/>
                <w:sz w:val="18"/>
                <w:szCs w:val="18"/>
              </w:rPr>
              <w:t>.</w:t>
            </w:r>
            <w:r w:rsidRPr="00BF256A">
              <w:rPr>
                <w:rFonts w:asciiTheme="majorBidi" w:hAnsiTheme="majorBidi" w:cstheme="majorBidi"/>
                <w:b/>
                <w:bCs/>
                <w:sz w:val="18"/>
                <w:szCs w:val="18"/>
              </w:rPr>
              <w:t xml:space="preserve"> </w:t>
            </w:r>
            <w:r w:rsidR="0034245D">
              <w:rPr>
                <w:rFonts w:asciiTheme="majorBidi" w:hAnsiTheme="majorBidi" w:cstheme="majorBidi"/>
                <w:b/>
                <w:bCs/>
                <w:sz w:val="18"/>
                <w:szCs w:val="18"/>
              </w:rPr>
              <w:t>O</w:t>
            </w:r>
            <w:r w:rsidR="005D705E" w:rsidRPr="00BF256A">
              <w:rPr>
                <w:rFonts w:asciiTheme="majorBidi" w:hAnsiTheme="majorBidi" w:cstheme="majorBidi"/>
                <w:b/>
                <w:bCs/>
                <w:sz w:val="18"/>
                <w:szCs w:val="18"/>
              </w:rPr>
              <w:t>xidation (</w:t>
            </w:r>
            <m:oMath>
              <m:r>
                <m:rPr>
                  <m:sty m:val="bi"/>
                </m:rPr>
                <w:rPr>
                  <w:rFonts w:ascii="Cambria Math" w:hAnsi="Cambria Math" w:cstheme="majorBidi"/>
                  <w:sz w:val="18"/>
                  <w:szCs w:val="18"/>
                  <w:rtl/>
                  <w:lang w:bidi="ar-IQ"/>
                </w:rPr>
                <m:t>℃</m:t>
              </m:r>
            </m:oMath>
            <w:r w:rsidR="005D705E" w:rsidRPr="00BF256A">
              <w:rPr>
                <w:rFonts w:asciiTheme="majorBidi" w:hAnsiTheme="majorBidi" w:cstheme="majorBidi"/>
                <w:b/>
                <w:bCs/>
                <w:sz w:val="18"/>
                <w:szCs w:val="18"/>
              </w:rPr>
              <w:t>)</w:t>
            </w:r>
          </w:p>
        </w:tc>
        <w:tc>
          <w:tcPr>
            <w:tcW w:w="1626" w:type="dxa"/>
            <w:tcBorders>
              <w:bottom w:val="single" w:sz="4" w:space="0" w:color="auto"/>
            </w:tcBorders>
          </w:tcPr>
          <w:p w14:paraId="4E62798C" w14:textId="75949402" w:rsidR="005D705E" w:rsidRPr="00BF256A" w:rsidRDefault="005D705E" w:rsidP="00B50831">
            <w:pPr>
              <w:tabs>
                <w:tab w:val="left" w:pos="90"/>
              </w:tabs>
              <w:jc w:val="center"/>
              <w:rPr>
                <w:rFonts w:asciiTheme="majorBidi" w:hAnsiTheme="majorBidi" w:cstheme="majorBidi"/>
                <w:b/>
                <w:bCs/>
                <w:sz w:val="18"/>
                <w:szCs w:val="18"/>
              </w:rPr>
            </w:pPr>
            <w:r w:rsidRPr="00BF256A">
              <w:rPr>
                <w:rFonts w:asciiTheme="majorBidi" w:hAnsiTheme="majorBidi" w:cstheme="majorBidi"/>
                <w:b/>
                <w:bCs/>
                <w:sz w:val="18"/>
                <w:szCs w:val="18"/>
              </w:rPr>
              <w:t>α(cm</w:t>
            </w:r>
            <w:r w:rsidRPr="00BF256A">
              <w:rPr>
                <w:rFonts w:asciiTheme="majorBidi" w:hAnsiTheme="majorBidi" w:cstheme="majorBidi"/>
                <w:b/>
                <w:bCs/>
                <w:sz w:val="18"/>
                <w:szCs w:val="18"/>
                <w:rtl/>
                <w:lang w:bidi="he-IL"/>
              </w:rPr>
              <w:t>־</w:t>
            </w:r>
            <w:r w:rsidRPr="00BF256A">
              <w:rPr>
                <w:rFonts w:asciiTheme="majorBidi" w:hAnsiTheme="majorBidi" w:cstheme="majorBidi"/>
                <w:b/>
                <w:bCs/>
                <w:sz w:val="18"/>
                <w:szCs w:val="18"/>
              </w:rPr>
              <w:t>¹)</w:t>
            </w:r>
            <w:r w:rsidR="00BF256A">
              <w:rPr>
                <w:rFonts w:asciiTheme="majorBidi" w:hAnsiTheme="majorBidi" w:cstheme="majorBidi"/>
                <w:b/>
                <w:bCs/>
                <w:sz w:val="18"/>
                <w:szCs w:val="18"/>
              </w:rPr>
              <w:t>*10</w:t>
            </w:r>
            <w:r w:rsidR="00BF256A" w:rsidRPr="00BF256A">
              <w:rPr>
                <w:rFonts w:asciiTheme="majorBidi" w:hAnsiTheme="majorBidi" w:cstheme="majorBidi"/>
                <w:b/>
                <w:bCs/>
                <w:sz w:val="18"/>
                <w:szCs w:val="18"/>
                <w:vertAlign w:val="superscript"/>
              </w:rPr>
              <w:t>4</w:t>
            </w:r>
          </w:p>
        </w:tc>
        <w:tc>
          <w:tcPr>
            <w:tcW w:w="1800" w:type="dxa"/>
            <w:tcBorders>
              <w:bottom w:val="single" w:sz="4" w:space="0" w:color="auto"/>
            </w:tcBorders>
          </w:tcPr>
          <w:p w14:paraId="32DDC414" w14:textId="77777777" w:rsidR="005D705E" w:rsidRPr="00BF256A" w:rsidRDefault="005D705E" w:rsidP="00B50831">
            <w:pPr>
              <w:tabs>
                <w:tab w:val="left" w:pos="90"/>
              </w:tabs>
              <w:jc w:val="center"/>
              <w:rPr>
                <w:rFonts w:asciiTheme="majorBidi" w:hAnsiTheme="majorBidi" w:cstheme="majorBidi"/>
                <w:b/>
                <w:bCs/>
                <w:sz w:val="18"/>
                <w:szCs w:val="18"/>
              </w:rPr>
            </w:pPr>
            <w:r w:rsidRPr="00BF256A">
              <w:rPr>
                <w:rFonts w:asciiTheme="majorBidi" w:hAnsiTheme="majorBidi" w:cstheme="majorBidi"/>
                <w:b/>
                <w:bCs/>
                <w:sz w:val="18"/>
                <w:szCs w:val="18"/>
              </w:rPr>
              <w:t>Eg (eV)</w:t>
            </w:r>
          </w:p>
        </w:tc>
      </w:tr>
      <w:tr w:rsidR="005D705E" w:rsidRPr="00FC3143" w14:paraId="2B3CC5D9" w14:textId="77777777" w:rsidTr="0034245D">
        <w:tc>
          <w:tcPr>
            <w:tcW w:w="2127" w:type="dxa"/>
            <w:tcBorders>
              <w:top w:val="single" w:sz="4" w:space="0" w:color="auto"/>
            </w:tcBorders>
          </w:tcPr>
          <w:p w14:paraId="30CD0B9E" w14:textId="77777777" w:rsidR="005D705E" w:rsidRPr="00FC3143" w:rsidRDefault="005D705E" w:rsidP="00B50831">
            <w:pPr>
              <w:tabs>
                <w:tab w:val="left" w:pos="90"/>
              </w:tabs>
              <w:jc w:val="center"/>
              <w:rPr>
                <w:rFonts w:asciiTheme="majorBidi" w:hAnsiTheme="majorBidi" w:cstheme="majorBidi"/>
                <w:sz w:val="20"/>
                <w:szCs w:val="20"/>
              </w:rPr>
            </w:pPr>
            <w:r w:rsidRPr="00FC3143">
              <w:rPr>
                <w:rFonts w:asciiTheme="majorBidi" w:hAnsiTheme="majorBidi" w:cstheme="majorBidi"/>
                <w:sz w:val="20"/>
                <w:szCs w:val="20"/>
              </w:rPr>
              <w:t>300</w:t>
            </w:r>
          </w:p>
        </w:tc>
        <w:tc>
          <w:tcPr>
            <w:tcW w:w="1626" w:type="dxa"/>
            <w:tcBorders>
              <w:top w:val="single" w:sz="4" w:space="0" w:color="auto"/>
            </w:tcBorders>
          </w:tcPr>
          <w:p w14:paraId="454384E4" w14:textId="77777777" w:rsidR="005D705E" w:rsidRPr="00FC3143" w:rsidRDefault="005D705E" w:rsidP="00B50831">
            <w:pPr>
              <w:tabs>
                <w:tab w:val="left" w:pos="90"/>
              </w:tabs>
              <w:jc w:val="center"/>
              <w:rPr>
                <w:rFonts w:asciiTheme="majorBidi" w:hAnsiTheme="majorBidi" w:cstheme="majorBidi"/>
                <w:sz w:val="20"/>
                <w:szCs w:val="20"/>
              </w:rPr>
            </w:pPr>
            <w:r w:rsidRPr="00FC3143">
              <w:rPr>
                <w:rFonts w:asciiTheme="majorBidi" w:hAnsiTheme="majorBidi" w:cstheme="majorBidi"/>
                <w:sz w:val="20"/>
                <w:szCs w:val="20"/>
              </w:rPr>
              <w:t>3.437228</w:t>
            </w:r>
          </w:p>
        </w:tc>
        <w:tc>
          <w:tcPr>
            <w:tcW w:w="1800" w:type="dxa"/>
            <w:tcBorders>
              <w:top w:val="single" w:sz="4" w:space="0" w:color="auto"/>
            </w:tcBorders>
          </w:tcPr>
          <w:p w14:paraId="4A4DF1A9" w14:textId="4D96B4B4" w:rsidR="005D705E" w:rsidRPr="00FC3143" w:rsidRDefault="005D705E" w:rsidP="00B50831">
            <w:pPr>
              <w:tabs>
                <w:tab w:val="left" w:pos="90"/>
              </w:tabs>
              <w:jc w:val="center"/>
              <w:rPr>
                <w:rFonts w:asciiTheme="majorBidi" w:hAnsiTheme="majorBidi" w:cstheme="majorBidi"/>
                <w:sz w:val="20"/>
                <w:szCs w:val="20"/>
              </w:rPr>
            </w:pPr>
            <w:r w:rsidRPr="00FC3143">
              <w:rPr>
                <w:rFonts w:asciiTheme="majorBidi" w:hAnsiTheme="majorBidi" w:cstheme="majorBidi"/>
                <w:sz w:val="20"/>
                <w:szCs w:val="20"/>
              </w:rPr>
              <w:t>2.</w:t>
            </w:r>
            <w:r w:rsidR="00164C82">
              <w:rPr>
                <w:rFonts w:asciiTheme="majorBidi" w:hAnsiTheme="majorBidi" w:cstheme="majorBidi"/>
                <w:sz w:val="20"/>
                <w:szCs w:val="20"/>
              </w:rPr>
              <w:t>8</w:t>
            </w:r>
          </w:p>
        </w:tc>
      </w:tr>
      <w:tr w:rsidR="005D705E" w:rsidRPr="00FC3143" w14:paraId="64B8E3E0" w14:textId="77777777" w:rsidTr="00BF256A">
        <w:tc>
          <w:tcPr>
            <w:tcW w:w="2127" w:type="dxa"/>
          </w:tcPr>
          <w:p w14:paraId="557EED6C" w14:textId="77777777" w:rsidR="005D705E" w:rsidRPr="00FC3143" w:rsidRDefault="005D705E" w:rsidP="00B50831">
            <w:pPr>
              <w:tabs>
                <w:tab w:val="left" w:pos="90"/>
              </w:tabs>
              <w:jc w:val="center"/>
              <w:rPr>
                <w:rFonts w:asciiTheme="majorBidi" w:hAnsiTheme="majorBidi" w:cstheme="majorBidi"/>
                <w:sz w:val="20"/>
                <w:szCs w:val="20"/>
              </w:rPr>
            </w:pPr>
            <w:r w:rsidRPr="00FC3143">
              <w:rPr>
                <w:rFonts w:asciiTheme="majorBidi" w:hAnsiTheme="majorBidi" w:cstheme="majorBidi"/>
                <w:sz w:val="20"/>
                <w:szCs w:val="20"/>
              </w:rPr>
              <w:t>400</w:t>
            </w:r>
          </w:p>
        </w:tc>
        <w:tc>
          <w:tcPr>
            <w:tcW w:w="1626" w:type="dxa"/>
          </w:tcPr>
          <w:p w14:paraId="01672F0A" w14:textId="77777777" w:rsidR="005D705E" w:rsidRPr="00FC3143" w:rsidRDefault="005D705E" w:rsidP="00B50831">
            <w:pPr>
              <w:tabs>
                <w:tab w:val="left" w:pos="90"/>
              </w:tabs>
              <w:jc w:val="center"/>
              <w:rPr>
                <w:rFonts w:asciiTheme="majorBidi" w:hAnsiTheme="majorBidi" w:cstheme="majorBidi"/>
                <w:sz w:val="20"/>
                <w:szCs w:val="20"/>
              </w:rPr>
            </w:pPr>
            <w:r w:rsidRPr="00FC3143">
              <w:rPr>
                <w:rFonts w:asciiTheme="majorBidi" w:hAnsiTheme="majorBidi" w:cstheme="majorBidi"/>
                <w:sz w:val="20"/>
                <w:szCs w:val="20"/>
              </w:rPr>
              <w:t>2.45451</w:t>
            </w:r>
          </w:p>
        </w:tc>
        <w:tc>
          <w:tcPr>
            <w:tcW w:w="1800" w:type="dxa"/>
          </w:tcPr>
          <w:p w14:paraId="6E844E33" w14:textId="5BE86D2B" w:rsidR="005D705E" w:rsidRPr="00FC3143" w:rsidRDefault="005D705E" w:rsidP="00B50831">
            <w:pPr>
              <w:tabs>
                <w:tab w:val="left" w:pos="90"/>
              </w:tabs>
              <w:jc w:val="center"/>
              <w:rPr>
                <w:rFonts w:asciiTheme="majorBidi" w:hAnsiTheme="majorBidi" w:cstheme="majorBidi"/>
                <w:sz w:val="20"/>
                <w:szCs w:val="20"/>
              </w:rPr>
            </w:pPr>
            <w:r w:rsidRPr="00FC3143">
              <w:rPr>
                <w:rFonts w:asciiTheme="majorBidi" w:hAnsiTheme="majorBidi" w:cstheme="majorBidi"/>
                <w:sz w:val="20"/>
                <w:szCs w:val="20"/>
              </w:rPr>
              <w:t>3.</w:t>
            </w:r>
            <w:r w:rsidR="005B3996">
              <w:rPr>
                <w:rFonts w:asciiTheme="majorBidi" w:hAnsiTheme="majorBidi" w:cstheme="majorBidi"/>
                <w:sz w:val="20"/>
                <w:szCs w:val="20"/>
              </w:rPr>
              <w:t>1</w:t>
            </w:r>
          </w:p>
        </w:tc>
      </w:tr>
    </w:tbl>
    <w:p w14:paraId="5488FC21" w14:textId="59122FC7" w:rsidR="00631603" w:rsidRPr="002248EF" w:rsidRDefault="00631603" w:rsidP="00B50831">
      <w:pPr>
        <w:tabs>
          <w:tab w:val="left" w:pos="90"/>
        </w:tabs>
        <w:spacing w:line="240" w:lineRule="auto"/>
        <w:jc w:val="center"/>
        <w:rPr>
          <w:rFonts w:asciiTheme="majorBidi" w:hAnsiTheme="majorBidi" w:cstheme="majorBidi"/>
          <w:b/>
          <w:bCs/>
          <w:sz w:val="24"/>
          <w:szCs w:val="24"/>
        </w:rPr>
      </w:pPr>
      <w:r w:rsidRPr="002248EF">
        <w:rPr>
          <w:rFonts w:asciiTheme="majorBidi" w:hAnsiTheme="majorBidi" w:cstheme="majorBidi"/>
          <w:b/>
          <w:bCs/>
          <w:sz w:val="24"/>
          <w:szCs w:val="24"/>
        </w:rPr>
        <w:t xml:space="preserve">The </w:t>
      </w:r>
      <w:r w:rsidR="00BF256A" w:rsidRPr="002248EF">
        <w:rPr>
          <w:rFonts w:asciiTheme="majorBidi" w:hAnsiTheme="majorBidi" w:cstheme="majorBidi"/>
          <w:b/>
          <w:bCs/>
          <w:sz w:val="24"/>
          <w:szCs w:val="24"/>
        </w:rPr>
        <w:t>S</w:t>
      </w:r>
      <w:r w:rsidRPr="002248EF">
        <w:rPr>
          <w:rFonts w:asciiTheme="majorBidi" w:hAnsiTheme="majorBidi" w:cstheme="majorBidi"/>
          <w:b/>
          <w:bCs/>
          <w:sz w:val="24"/>
          <w:szCs w:val="24"/>
        </w:rPr>
        <w:t xml:space="preserve">ensitivity </w:t>
      </w:r>
      <w:r w:rsidR="00BF256A" w:rsidRPr="002248EF">
        <w:rPr>
          <w:rFonts w:asciiTheme="majorBidi" w:hAnsiTheme="majorBidi" w:cstheme="majorBidi"/>
          <w:b/>
          <w:bCs/>
          <w:sz w:val="24"/>
          <w:szCs w:val="24"/>
        </w:rPr>
        <w:t>R</w:t>
      </w:r>
      <w:r w:rsidRPr="002248EF">
        <w:rPr>
          <w:rFonts w:asciiTheme="majorBidi" w:hAnsiTheme="majorBidi" w:cstheme="majorBidi"/>
          <w:b/>
          <w:bCs/>
          <w:sz w:val="24"/>
          <w:szCs w:val="24"/>
        </w:rPr>
        <w:t>esults</w:t>
      </w:r>
    </w:p>
    <w:p w14:paraId="263D5E93" w14:textId="5A6F37F1" w:rsidR="00AC6D0F" w:rsidRPr="00FC3143" w:rsidRDefault="00AC6D0F" w:rsidP="00B50831">
      <w:pPr>
        <w:tabs>
          <w:tab w:val="left" w:pos="90"/>
        </w:tabs>
        <w:spacing w:line="240" w:lineRule="auto"/>
        <w:jc w:val="right"/>
        <w:rPr>
          <w:rFonts w:asciiTheme="majorBidi" w:hAnsiTheme="majorBidi" w:cstheme="majorBidi"/>
          <w:sz w:val="20"/>
          <w:szCs w:val="20"/>
        </w:rPr>
      </w:pPr>
      <w:r w:rsidRPr="00FC3143">
        <w:rPr>
          <w:rFonts w:asciiTheme="majorBidi" w:hAnsiTheme="majorBidi" w:cstheme="majorBidi"/>
          <w:sz w:val="20"/>
          <w:szCs w:val="20"/>
        </w:rPr>
        <w:t>S=</w:t>
      </w:r>
      <m:oMath>
        <m:r>
          <w:rPr>
            <w:rFonts w:ascii="Cambria Math" w:hAnsi="Cambria Math" w:cstheme="majorBidi"/>
            <w:sz w:val="20"/>
            <w:szCs w:val="20"/>
          </w:rPr>
          <m:t xml:space="preserve"> </m:t>
        </m:r>
        <m:f>
          <m:fPr>
            <m:ctrlPr>
              <w:rPr>
                <w:rFonts w:ascii="Cambria Math" w:hAnsi="Cambria Math" w:cstheme="majorBidi"/>
                <w:i/>
                <w:sz w:val="20"/>
                <w:szCs w:val="20"/>
              </w:rPr>
            </m:ctrlPr>
          </m:fPr>
          <m:num>
            <m:r>
              <w:rPr>
                <w:rFonts w:ascii="Cambria Math" w:hAnsi="Cambria Math" w:cstheme="majorBidi"/>
                <w:sz w:val="20"/>
                <w:szCs w:val="20"/>
              </w:rPr>
              <m:t>Rg-Ra</m:t>
            </m:r>
          </m:num>
          <m:den>
            <m:r>
              <w:rPr>
                <w:rFonts w:ascii="Cambria Math" w:hAnsi="Cambria Math" w:cstheme="majorBidi"/>
                <w:sz w:val="20"/>
                <w:szCs w:val="20"/>
              </w:rPr>
              <m:t>Ra</m:t>
            </m:r>
          </m:den>
        </m:f>
      </m:oMath>
      <w:r w:rsidR="00746729" w:rsidRPr="00FC3143">
        <w:rPr>
          <w:rFonts w:asciiTheme="majorBidi" w:hAnsiTheme="majorBidi" w:cstheme="majorBidi"/>
          <w:sz w:val="20"/>
          <w:szCs w:val="20"/>
        </w:rPr>
        <w:t xml:space="preserve"> </w:t>
      </w:r>
      <w:r w:rsidRPr="00FC3143">
        <w:rPr>
          <w:rFonts w:asciiTheme="majorBidi" w:hAnsiTheme="majorBidi" w:cstheme="majorBidi"/>
          <w:sz w:val="20"/>
          <w:szCs w:val="20"/>
        </w:rPr>
        <w:t xml:space="preserve">×100% </w:t>
      </w:r>
      <w:r w:rsidR="00E02D87" w:rsidRPr="00FC3143">
        <w:rPr>
          <w:rFonts w:asciiTheme="majorBidi" w:hAnsiTheme="majorBidi" w:cstheme="majorBidi"/>
          <w:sz w:val="20"/>
          <w:szCs w:val="20"/>
        </w:rPr>
        <w:t xml:space="preserve">                                                                         </w:t>
      </w:r>
      <w:r w:rsidR="000D27FD" w:rsidRPr="00FC3143">
        <w:rPr>
          <w:rFonts w:asciiTheme="majorBidi" w:hAnsiTheme="majorBidi" w:cstheme="majorBidi"/>
          <w:sz w:val="20"/>
          <w:szCs w:val="20"/>
        </w:rPr>
        <w:t>(</w:t>
      </w:r>
      <w:r w:rsidR="00D56E52" w:rsidRPr="00FC3143">
        <w:rPr>
          <w:rFonts w:asciiTheme="majorBidi" w:hAnsiTheme="majorBidi" w:cstheme="majorBidi"/>
          <w:sz w:val="20"/>
          <w:szCs w:val="20"/>
        </w:rPr>
        <w:t>7</w:t>
      </w:r>
      <w:r w:rsidR="000D27FD" w:rsidRPr="00FC3143">
        <w:rPr>
          <w:rFonts w:asciiTheme="majorBidi" w:hAnsiTheme="majorBidi" w:cstheme="majorBidi"/>
          <w:sz w:val="20"/>
          <w:szCs w:val="20"/>
        </w:rPr>
        <w:t>)</w:t>
      </w:r>
    </w:p>
    <w:p w14:paraId="1B61E60D" w14:textId="4FFE7A04" w:rsidR="00B74494" w:rsidRDefault="00077131" w:rsidP="00B50831">
      <w:pPr>
        <w:tabs>
          <w:tab w:val="left" w:pos="90"/>
        </w:tabs>
        <w:spacing w:line="240" w:lineRule="auto"/>
        <w:ind w:firstLine="284"/>
        <w:jc w:val="both"/>
        <w:rPr>
          <w:rFonts w:asciiTheme="majorBidi" w:hAnsiTheme="majorBidi" w:cstheme="majorBidi"/>
          <w:sz w:val="20"/>
          <w:szCs w:val="20"/>
          <w:rtl/>
        </w:rPr>
      </w:pPr>
      <w:r w:rsidRPr="00FC3143">
        <w:rPr>
          <w:rFonts w:asciiTheme="majorBidi" w:hAnsiTheme="majorBidi" w:cstheme="majorBidi"/>
          <w:sz w:val="20"/>
          <w:szCs w:val="20"/>
        </w:rPr>
        <w:t>The equation (</w:t>
      </w:r>
      <w:r w:rsidR="00E02D87" w:rsidRPr="00FC3143">
        <w:rPr>
          <w:rFonts w:asciiTheme="majorBidi" w:hAnsiTheme="majorBidi" w:cstheme="majorBidi"/>
          <w:sz w:val="20"/>
          <w:szCs w:val="20"/>
        </w:rPr>
        <w:t>7) [</w:t>
      </w:r>
      <w:r w:rsidRPr="00FC3143">
        <w:rPr>
          <w:rFonts w:asciiTheme="majorBidi" w:hAnsiTheme="majorBidi" w:cstheme="majorBidi"/>
          <w:sz w:val="20"/>
          <w:szCs w:val="20"/>
        </w:rPr>
        <w:t xml:space="preserve">14] </w:t>
      </w:r>
      <w:r w:rsidR="00AB502D" w:rsidRPr="00FC3143">
        <w:rPr>
          <w:rFonts w:asciiTheme="majorBidi" w:hAnsiTheme="majorBidi" w:cstheme="majorBidi"/>
          <w:sz w:val="20"/>
          <w:szCs w:val="20"/>
        </w:rPr>
        <w:t>was used to calculate gas sensitivity, where Ra represents the background resistance of the membrane in the absence of the gas, and R</w:t>
      </w:r>
      <w:r w:rsidR="00AB502D" w:rsidRPr="00991F99">
        <w:rPr>
          <w:rFonts w:asciiTheme="majorBidi" w:hAnsiTheme="majorBidi" w:cstheme="majorBidi"/>
          <w:sz w:val="20"/>
          <w:szCs w:val="20"/>
          <w:vertAlign w:val="subscript"/>
        </w:rPr>
        <w:t>g</w:t>
      </w:r>
      <w:r w:rsidR="00AB502D" w:rsidRPr="00FC3143">
        <w:rPr>
          <w:rFonts w:asciiTheme="majorBidi" w:hAnsiTheme="majorBidi" w:cstheme="majorBidi"/>
          <w:sz w:val="20"/>
          <w:szCs w:val="20"/>
        </w:rPr>
        <w:t xml:space="preserve"> represents the final resistance of the membrane in the presence of the gas. Figure </w:t>
      </w:r>
      <w:r w:rsidR="00DC2F93" w:rsidRPr="00FC3143">
        <w:rPr>
          <w:rFonts w:asciiTheme="majorBidi" w:hAnsiTheme="majorBidi" w:cstheme="majorBidi"/>
          <w:sz w:val="20"/>
          <w:szCs w:val="20"/>
        </w:rPr>
        <w:t>6</w:t>
      </w:r>
      <w:r w:rsidR="00AB502D" w:rsidRPr="00FC3143">
        <w:rPr>
          <w:rFonts w:asciiTheme="majorBidi" w:hAnsiTheme="majorBidi" w:cstheme="majorBidi"/>
          <w:sz w:val="20"/>
          <w:szCs w:val="20"/>
        </w:rPr>
        <w:t xml:space="preserve"> shows the change in resistance over time for a sample oxidized at 400°C. It was found that as the temperature applied during the membrane's exposure to the gas increased, the gas sensitivity increased</w:t>
      </w:r>
      <w:r w:rsidR="00E02D87" w:rsidRPr="00FC3143">
        <w:rPr>
          <w:rFonts w:asciiTheme="majorBidi" w:hAnsiTheme="majorBidi" w:cstheme="majorBidi"/>
          <w:sz w:val="20"/>
          <w:szCs w:val="20"/>
        </w:rPr>
        <w:t xml:space="preserve"> [2</w:t>
      </w:r>
      <w:r w:rsidR="00AB0FF9">
        <w:rPr>
          <w:rFonts w:asciiTheme="majorBidi" w:hAnsiTheme="majorBidi" w:cstheme="majorBidi"/>
          <w:sz w:val="20"/>
          <w:szCs w:val="20"/>
        </w:rPr>
        <w:t>5</w:t>
      </w:r>
      <w:r w:rsidR="00E02D87" w:rsidRPr="00FC3143">
        <w:rPr>
          <w:rFonts w:asciiTheme="majorBidi" w:hAnsiTheme="majorBidi" w:cstheme="majorBidi"/>
          <w:sz w:val="20"/>
          <w:szCs w:val="20"/>
        </w:rPr>
        <w:t>-2</w:t>
      </w:r>
      <w:r w:rsidR="00AB0FF9">
        <w:rPr>
          <w:rFonts w:asciiTheme="majorBidi" w:hAnsiTheme="majorBidi" w:cstheme="majorBidi"/>
          <w:sz w:val="20"/>
          <w:szCs w:val="20"/>
        </w:rPr>
        <w:t>7</w:t>
      </w:r>
      <w:r w:rsidR="00E02D87" w:rsidRPr="00FC3143">
        <w:rPr>
          <w:rFonts w:asciiTheme="majorBidi" w:hAnsiTheme="majorBidi" w:cstheme="majorBidi"/>
          <w:sz w:val="20"/>
          <w:szCs w:val="20"/>
        </w:rPr>
        <w:t>]</w:t>
      </w:r>
      <w:r w:rsidR="00AB502D" w:rsidRPr="00FC3143">
        <w:rPr>
          <w:rFonts w:asciiTheme="majorBidi" w:hAnsiTheme="majorBidi" w:cstheme="majorBidi"/>
          <w:sz w:val="20"/>
          <w:szCs w:val="20"/>
        </w:rPr>
        <w:t>.</w:t>
      </w:r>
    </w:p>
    <w:p w14:paraId="5A27E96D" w14:textId="453A4B8A" w:rsidR="00BC26A6" w:rsidRPr="00FC3143" w:rsidRDefault="00BC26A6" w:rsidP="00B50831">
      <w:pPr>
        <w:tabs>
          <w:tab w:val="left" w:pos="90"/>
        </w:tabs>
        <w:spacing w:line="240" w:lineRule="auto"/>
        <w:ind w:firstLine="284"/>
        <w:jc w:val="both"/>
        <w:rPr>
          <w:rFonts w:asciiTheme="majorBidi" w:hAnsiTheme="majorBidi" w:cstheme="majorBidi"/>
          <w:sz w:val="20"/>
          <w:szCs w:val="20"/>
        </w:rPr>
      </w:pPr>
      <w:r w:rsidRPr="00BC26A6">
        <w:rPr>
          <w:rFonts w:asciiTheme="majorBidi" w:hAnsiTheme="majorBidi" w:cstheme="majorBidi"/>
          <w:sz w:val="20"/>
          <w:szCs w:val="20"/>
        </w:rPr>
        <w:t xml:space="preserve">Also, nickel oxide films prepared by </w:t>
      </w:r>
      <w:r w:rsidR="00991F99">
        <w:rPr>
          <w:rFonts w:asciiTheme="majorBidi" w:hAnsiTheme="majorBidi" w:cstheme="majorBidi"/>
          <w:sz w:val="20"/>
          <w:szCs w:val="20"/>
        </w:rPr>
        <w:t xml:space="preserve">the </w:t>
      </w:r>
      <w:r w:rsidRPr="00BC26A6">
        <w:rPr>
          <w:rFonts w:asciiTheme="majorBidi" w:hAnsiTheme="majorBidi" w:cstheme="majorBidi"/>
          <w:sz w:val="20"/>
          <w:szCs w:val="20"/>
        </w:rPr>
        <w:t xml:space="preserve">thermal evaporation method show </w:t>
      </w:r>
      <w:r w:rsidR="00991F99">
        <w:rPr>
          <w:rFonts w:asciiTheme="majorBidi" w:hAnsiTheme="majorBidi" w:cstheme="majorBidi"/>
          <w:sz w:val="20"/>
          <w:szCs w:val="20"/>
        </w:rPr>
        <w:t xml:space="preserve">a </w:t>
      </w:r>
      <w:r w:rsidRPr="00BC26A6">
        <w:rPr>
          <w:rFonts w:asciiTheme="majorBidi" w:hAnsiTheme="majorBidi" w:cstheme="majorBidi"/>
          <w:sz w:val="20"/>
          <w:szCs w:val="20"/>
        </w:rPr>
        <w:t>response to hydrogen sulfide gas at a concentration of 20</w:t>
      </w:r>
      <w:r w:rsidR="006D1361">
        <w:rPr>
          <w:rFonts w:asciiTheme="majorBidi" w:hAnsiTheme="majorBidi" w:cstheme="majorBidi"/>
          <w:sz w:val="20"/>
          <w:szCs w:val="20"/>
        </w:rPr>
        <w:t>ppm</w:t>
      </w:r>
      <w:r w:rsidRPr="00BC26A6">
        <w:rPr>
          <w:rFonts w:asciiTheme="majorBidi" w:hAnsiTheme="majorBidi" w:cstheme="majorBidi"/>
          <w:sz w:val="20"/>
          <w:szCs w:val="20"/>
        </w:rPr>
        <w:t xml:space="preserve"> at an oxidation temperature of 700°C</w:t>
      </w:r>
      <w:r w:rsidR="006D1361">
        <w:rPr>
          <w:rFonts w:asciiTheme="majorBidi" w:hAnsiTheme="majorBidi" w:cstheme="majorBidi" w:hint="cs"/>
          <w:sz w:val="20"/>
          <w:szCs w:val="20"/>
          <w:rtl/>
        </w:rPr>
        <w:t xml:space="preserve"> </w:t>
      </w:r>
      <w:r w:rsidR="006D1361">
        <w:rPr>
          <w:rFonts w:asciiTheme="majorBidi" w:hAnsiTheme="majorBidi" w:cstheme="majorBidi"/>
          <w:sz w:val="20"/>
          <w:szCs w:val="20"/>
        </w:rPr>
        <w:t>[2</w:t>
      </w:r>
      <w:r w:rsidR="0069105B">
        <w:rPr>
          <w:rFonts w:asciiTheme="majorBidi" w:hAnsiTheme="majorBidi" w:cstheme="majorBidi"/>
          <w:sz w:val="20"/>
          <w:szCs w:val="20"/>
        </w:rPr>
        <w:t>8</w:t>
      </w:r>
      <w:r w:rsidR="006D1361">
        <w:rPr>
          <w:rFonts w:asciiTheme="majorBidi" w:hAnsiTheme="majorBidi" w:cstheme="majorBidi"/>
          <w:sz w:val="20"/>
          <w:szCs w:val="20"/>
        </w:rPr>
        <w:t>]</w:t>
      </w:r>
      <w:r w:rsidRPr="00BC26A6">
        <w:rPr>
          <w:rFonts w:asciiTheme="majorBidi" w:hAnsiTheme="majorBidi" w:cstheme="majorBidi"/>
          <w:sz w:val="20"/>
          <w:szCs w:val="20"/>
        </w:rPr>
        <w:t>.</w:t>
      </w:r>
    </w:p>
    <w:p w14:paraId="482B0EB2" w14:textId="01641D46" w:rsidR="000F4453" w:rsidRDefault="005F424D" w:rsidP="00F8217E">
      <w:pPr>
        <w:tabs>
          <w:tab w:val="left" w:pos="90"/>
        </w:tabs>
        <w:spacing w:after="0" w:line="240" w:lineRule="auto"/>
        <w:jc w:val="center"/>
        <w:rPr>
          <w:rFonts w:asciiTheme="majorBidi" w:hAnsiTheme="majorBidi" w:cstheme="majorBidi"/>
          <w:b/>
          <w:bCs/>
          <w:sz w:val="18"/>
          <w:szCs w:val="18"/>
        </w:rPr>
      </w:pPr>
      <w:r>
        <w:rPr>
          <w:rFonts w:asciiTheme="majorBidi" w:hAnsiTheme="majorBidi" w:cstheme="majorBidi"/>
          <w:b/>
          <w:bCs/>
          <w:noProof/>
          <w:sz w:val="28"/>
          <w:szCs w:val="28"/>
        </w:rPr>
        <w:drawing>
          <wp:inline distT="0" distB="0" distL="0" distR="0" wp14:anchorId="675DDF37" wp14:editId="62CFEA59">
            <wp:extent cx="5943600" cy="2141220"/>
            <wp:effectExtent l="0" t="0" r="0" b="0"/>
            <wp:docPr id="3" name="صورة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943600" cy="2141220"/>
                    </a:xfrm>
                    <a:prstGeom prst="rect">
                      <a:avLst/>
                    </a:prstGeom>
                    <a:noFill/>
                    <a:ln>
                      <a:noFill/>
                    </a:ln>
                  </pic:spPr>
                </pic:pic>
              </a:graphicData>
            </a:graphic>
          </wp:inline>
        </w:drawing>
      </w:r>
    </w:p>
    <w:p w14:paraId="17236863" w14:textId="23C6F519" w:rsidR="00F8217E" w:rsidRPr="00F8217E" w:rsidRDefault="00F8217E" w:rsidP="00B50831">
      <w:pPr>
        <w:tabs>
          <w:tab w:val="left" w:pos="90"/>
        </w:tabs>
        <w:spacing w:line="240" w:lineRule="auto"/>
        <w:jc w:val="center"/>
        <w:rPr>
          <w:rFonts w:asciiTheme="majorBidi" w:hAnsiTheme="majorBidi" w:cstheme="majorBidi"/>
          <w:sz w:val="18"/>
          <w:szCs w:val="18"/>
        </w:rPr>
      </w:pPr>
      <w:r w:rsidRPr="00F8217E">
        <w:rPr>
          <w:rFonts w:asciiTheme="majorBidi" w:hAnsiTheme="majorBidi" w:cstheme="majorBidi"/>
          <w:sz w:val="18"/>
          <w:szCs w:val="18"/>
        </w:rPr>
        <w:t>a</w:t>
      </w:r>
      <w:r>
        <w:rPr>
          <w:rFonts w:asciiTheme="majorBidi" w:hAnsiTheme="majorBidi" w:cstheme="majorBidi"/>
          <w:sz w:val="18"/>
          <w:szCs w:val="18"/>
        </w:rPr>
        <w:tab/>
      </w:r>
      <w:r>
        <w:rPr>
          <w:rFonts w:asciiTheme="majorBidi" w:hAnsiTheme="majorBidi" w:cstheme="majorBidi"/>
          <w:sz w:val="18"/>
          <w:szCs w:val="18"/>
        </w:rPr>
        <w:tab/>
      </w:r>
      <w:r>
        <w:rPr>
          <w:rFonts w:asciiTheme="majorBidi" w:hAnsiTheme="majorBidi" w:cstheme="majorBidi"/>
          <w:sz w:val="18"/>
          <w:szCs w:val="18"/>
        </w:rPr>
        <w:tab/>
      </w:r>
      <w:r>
        <w:rPr>
          <w:rFonts w:asciiTheme="majorBidi" w:hAnsiTheme="majorBidi" w:cstheme="majorBidi"/>
          <w:sz w:val="18"/>
          <w:szCs w:val="18"/>
        </w:rPr>
        <w:tab/>
      </w:r>
      <w:r w:rsidRPr="00F8217E">
        <w:rPr>
          <w:rFonts w:asciiTheme="majorBidi" w:hAnsiTheme="majorBidi" w:cstheme="majorBidi"/>
          <w:sz w:val="18"/>
          <w:szCs w:val="18"/>
        </w:rPr>
        <w:t>b</w:t>
      </w:r>
      <w:r>
        <w:rPr>
          <w:rFonts w:asciiTheme="majorBidi" w:hAnsiTheme="majorBidi" w:cstheme="majorBidi"/>
          <w:sz w:val="18"/>
          <w:szCs w:val="18"/>
        </w:rPr>
        <w:tab/>
      </w:r>
      <w:r>
        <w:rPr>
          <w:rFonts w:asciiTheme="majorBidi" w:hAnsiTheme="majorBidi" w:cstheme="majorBidi"/>
          <w:sz w:val="18"/>
          <w:szCs w:val="18"/>
        </w:rPr>
        <w:tab/>
      </w:r>
      <w:r>
        <w:rPr>
          <w:rFonts w:asciiTheme="majorBidi" w:hAnsiTheme="majorBidi" w:cstheme="majorBidi"/>
          <w:sz w:val="18"/>
          <w:szCs w:val="18"/>
        </w:rPr>
        <w:tab/>
      </w:r>
      <w:r>
        <w:rPr>
          <w:rFonts w:asciiTheme="majorBidi" w:hAnsiTheme="majorBidi" w:cstheme="majorBidi"/>
          <w:sz w:val="18"/>
          <w:szCs w:val="18"/>
        </w:rPr>
        <w:tab/>
      </w:r>
      <w:r w:rsidRPr="00F8217E">
        <w:rPr>
          <w:rFonts w:asciiTheme="majorBidi" w:hAnsiTheme="majorBidi" w:cstheme="majorBidi"/>
          <w:sz w:val="18"/>
          <w:szCs w:val="18"/>
        </w:rPr>
        <w:t>c</w:t>
      </w:r>
    </w:p>
    <w:p w14:paraId="5B242ABC" w14:textId="019DF206" w:rsidR="00040820" w:rsidRDefault="00CD2760" w:rsidP="00B50831">
      <w:pPr>
        <w:tabs>
          <w:tab w:val="left" w:pos="90"/>
        </w:tabs>
        <w:spacing w:line="240" w:lineRule="auto"/>
        <w:jc w:val="center"/>
        <w:rPr>
          <w:rFonts w:asciiTheme="majorBidi" w:hAnsiTheme="majorBidi" w:cstheme="majorBidi"/>
          <w:sz w:val="18"/>
          <w:szCs w:val="18"/>
        </w:rPr>
      </w:pPr>
      <w:r w:rsidRPr="0034245D">
        <w:rPr>
          <w:rFonts w:asciiTheme="majorBidi" w:hAnsiTheme="majorBidi" w:cstheme="majorBidi"/>
          <w:b/>
          <w:bCs/>
          <w:sz w:val="18"/>
          <w:szCs w:val="18"/>
        </w:rPr>
        <w:t>FIGURE 6</w:t>
      </w:r>
      <w:r w:rsidR="00991F99">
        <w:rPr>
          <w:rFonts w:asciiTheme="majorBidi" w:hAnsiTheme="majorBidi" w:cstheme="majorBidi"/>
          <w:b/>
          <w:bCs/>
          <w:sz w:val="18"/>
          <w:szCs w:val="18"/>
        </w:rPr>
        <w:t xml:space="preserve"> </w:t>
      </w:r>
      <w:r w:rsidR="00F8217E">
        <w:rPr>
          <w:rFonts w:asciiTheme="majorBidi" w:hAnsiTheme="majorBidi" w:cstheme="majorBidi"/>
          <w:b/>
          <w:bCs/>
          <w:sz w:val="18"/>
          <w:szCs w:val="18"/>
        </w:rPr>
        <w:t>a,</w:t>
      </w:r>
      <w:r w:rsidR="00991F99">
        <w:rPr>
          <w:rFonts w:asciiTheme="majorBidi" w:hAnsiTheme="majorBidi" w:cstheme="majorBidi"/>
          <w:b/>
          <w:bCs/>
          <w:sz w:val="18"/>
          <w:szCs w:val="18"/>
        </w:rPr>
        <w:t xml:space="preserve"> </w:t>
      </w:r>
      <w:r w:rsidR="00F8217E">
        <w:rPr>
          <w:rFonts w:asciiTheme="majorBidi" w:hAnsiTheme="majorBidi" w:cstheme="majorBidi"/>
          <w:b/>
          <w:bCs/>
          <w:sz w:val="18"/>
          <w:szCs w:val="18"/>
        </w:rPr>
        <w:t>b,</w:t>
      </w:r>
      <w:r w:rsidR="00991F99">
        <w:rPr>
          <w:rFonts w:asciiTheme="majorBidi" w:hAnsiTheme="majorBidi" w:cstheme="majorBidi"/>
          <w:b/>
          <w:bCs/>
          <w:sz w:val="18"/>
          <w:szCs w:val="18"/>
        </w:rPr>
        <w:t xml:space="preserve"> </w:t>
      </w:r>
      <w:r w:rsidR="00F8217E">
        <w:rPr>
          <w:rFonts w:asciiTheme="majorBidi" w:hAnsiTheme="majorBidi" w:cstheme="majorBidi"/>
          <w:b/>
          <w:bCs/>
          <w:sz w:val="18"/>
          <w:szCs w:val="18"/>
        </w:rPr>
        <w:t>c</w:t>
      </w:r>
      <w:r w:rsidRPr="0034245D">
        <w:rPr>
          <w:rFonts w:asciiTheme="majorBidi" w:hAnsiTheme="majorBidi" w:cstheme="majorBidi"/>
          <w:b/>
          <w:bCs/>
          <w:sz w:val="18"/>
          <w:szCs w:val="18"/>
        </w:rPr>
        <w:t>.</w:t>
      </w:r>
      <w:r w:rsidRPr="0034245D">
        <w:rPr>
          <w:rFonts w:asciiTheme="majorBidi" w:hAnsiTheme="majorBidi" w:cstheme="majorBidi"/>
          <w:sz w:val="18"/>
          <w:szCs w:val="18"/>
        </w:rPr>
        <w:t xml:space="preserve"> </w:t>
      </w:r>
      <w:r w:rsidR="00991F99">
        <w:rPr>
          <w:rFonts w:asciiTheme="majorBidi" w:hAnsiTheme="majorBidi" w:cstheme="majorBidi"/>
          <w:sz w:val="18"/>
          <w:szCs w:val="18"/>
        </w:rPr>
        <w:t>The resistance</w:t>
      </w:r>
      <w:r w:rsidRPr="0034245D">
        <w:rPr>
          <w:rFonts w:asciiTheme="majorBidi" w:hAnsiTheme="majorBidi" w:cstheme="majorBidi"/>
          <w:sz w:val="18"/>
          <w:szCs w:val="18"/>
        </w:rPr>
        <w:t xml:space="preserve"> </w:t>
      </w:r>
      <w:r w:rsidR="00895A5F" w:rsidRPr="0034245D">
        <w:rPr>
          <w:rFonts w:asciiTheme="majorBidi" w:hAnsiTheme="majorBidi" w:cstheme="majorBidi"/>
          <w:sz w:val="18"/>
          <w:szCs w:val="18"/>
        </w:rPr>
        <w:t>changes</w:t>
      </w:r>
      <w:r w:rsidRPr="0034245D">
        <w:rPr>
          <w:rFonts w:asciiTheme="majorBidi" w:hAnsiTheme="majorBidi" w:cstheme="majorBidi"/>
          <w:sz w:val="18"/>
          <w:szCs w:val="18"/>
        </w:rPr>
        <w:t xml:space="preserve"> with </w:t>
      </w:r>
      <w:r w:rsidR="00991F99">
        <w:rPr>
          <w:rFonts w:asciiTheme="majorBidi" w:hAnsiTheme="majorBidi" w:cstheme="majorBidi"/>
          <w:sz w:val="18"/>
          <w:szCs w:val="18"/>
        </w:rPr>
        <w:t xml:space="preserve">the </w:t>
      </w:r>
      <w:r w:rsidRPr="0034245D">
        <w:rPr>
          <w:rFonts w:asciiTheme="majorBidi" w:hAnsiTheme="majorBidi" w:cstheme="majorBidi"/>
          <w:sz w:val="18"/>
          <w:szCs w:val="18"/>
        </w:rPr>
        <w:t>time of SnO</w:t>
      </w:r>
      <w:r w:rsidRPr="0034245D">
        <w:rPr>
          <w:rFonts w:asciiTheme="majorBidi" w:hAnsiTheme="majorBidi" w:cstheme="majorBidi"/>
          <w:sz w:val="18"/>
          <w:szCs w:val="18"/>
          <w:vertAlign w:val="subscript"/>
        </w:rPr>
        <w:t>2</w:t>
      </w:r>
      <w:r w:rsidRPr="0034245D">
        <w:rPr>
          <w:rFonts w:asciiTheme="majorBidi" w:hAnsiTheme="majorBidi" w:cstheme="majorBidi"/>
          <w:sz w:val="18"/>
          <w:szCs w:val="18"/>
        </w:rPr>
        <w:t xml:space="preserve"> films.</w:t>
      </w:r>
    </w:p>
    <w:p w14:paraId="36DFA0ED" w14:textId="2B9AC21E" w:rsidR="000F4453" w:rsidRPr="0034245D" w:rsidRDefault="008A3C7C" w:rsidP="00F8217E">
      <w:pPr>
        <w:tabs>
          <w:tab w:val="left" w:pos="90"/>
        </w:tabs>
        <w:spacing w:after="0" w:line="240" w:lineRule="auto"/>
        <w:jc w:val="center"/>
        <w:rPr>
          <w:rFonts w:asciiTheme="majorBidi" w:hAnsiTheme="majorBidi" w:cstheme="majorBidi"/>
          <w:sz w:val="18"/>
          <w:szCs w:val="18"/>
        </w:rPr>
      </w:pPr>
      <w:r w:rsidRPr="00FC3143">
        <w:rPr>
          <w:rFonts w:asciiTheme="majorBidi" w:hAnsiTheme="majorBidi" w:cstheme="majorBidi"/>
          <w:noProof/>
          <w:sz w:val="20"/>
          <w:szCs w:val="20"/>
        </w:rPr>
        <w:lastRenderedPageBreak/>
        <w:drawing>
          <wp:inline distT="0" distB="0" distL="0" distR="0" wp14:anchorId="65C93597" wp14:editId="25EC1D64">
            <wp:extent cx="3896995" cy="2266950"/>
            <wp:effectExtent l="0" t="0" r="8255" b="0"/>
            <wp:docPr id="5" name="Chart 5">
              <a:extLst xmlns:a="http://schemas.openxmlformats.org/drawingml/2006/main">
                <a:ext uri="{FF2B5EF4-FFF2-40B4-BE49-F238E27FC236}">
                  <a16:creationId xmlns:a16="http://schemas.microsoft.com/office/drawing/2014/main" id="{00000000-0008-0000-0000-000004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14:paraId="74D2CF86" w14:textId="0377DC73" w:rsidR="004D2181" w:rsidRDefault="00B74494" w:rsidP="00B50831">
      <w:pPr>
        <w:tabs>
          <w:tab w:val="left" w:pos="90"/>
        </w:tabs>
        <w:spacing w:line="240" w:lineRule="auto"/>
        <w:jc w:val="center"/>
        <w:rPr>
          <w:rFonts w:asciiTheme="majorBidi" w:hAnsiTheme="majorBidi" w:cstheme="majorBidi"/>
          <w:sz w:val="18"/>
          <w:szCs w:val="18"/>
        </w:rPr>
      </w:pPr>
      <w:r w:rsidRPr="0034245D">
        <w:rPr>
          <w:rFonts w:asciiTheme="majorBidi" w:hAnsiTheme="majorBidi" w:cstheme="majorBidi"/>
          <w:b/>
          <w:bCs/>
          <w:sz w:val="18"/>
          <w:szCs w:val="18"/>
        </w:rPr>
        <w:t>FIGURE 7.</w:t>
      </w:r>
      <w:r w:rsidRPr="0034245D">
        <w:rPr>
          <w:rFonts w:asciiTheme="majorBidi" w:hAnsiTheme="majorBidi" w:cstheme="majorBidi"/>
          <w:sz w:val="18"/>
          <w:szCs w:val="18"/>
        </w:rPr>
        <w:t xml:space="preserve"> </w:t>
      </w:r>
      <w:r w:rsidR="00777ADE" w:rsidRPr="0034245D">
        <w:rPr>
          <w:rFonts w:asciiTheme="majorBidi" w:hAnsiTheme="majorBidi" w:cstheme="majorBidi"/>
          <w:sz w:val="18"/>
          <w:szCs w:val="18"/>
        </w:rPr>
        <w:t xml:space="preserve">The response and recovery times drop exponentially with </w:t>
      </w:r>
      <w:r w:rsidR="0053190A" w:rsidRPr="0034245D">
        <w:rPr>
          <w:rFonts w:asciiTheme="majorBidi" w:hAnsiTheme="majorBidi" w:cstheme="majorBidi"/>
          <w:sz w:val="18"/>
          <w:szCs w:val="18"/>
        </w:rPr>
        <w:t>operation</w:t>
      </w:r>
      <w:r w:rsidR="00E702DE" w:rsidRPr="0034245D">
        <w:rPr>
          <w:rFonts w:asciiTheme="majorBidi" w:hAnsiTheme="majorBidi" w:cstheme="majorBidi"/>
          <w:sz w:val="18"/>
          <w:szCs w:val="18"/>
        </w:rPr>
        <w:t xml:space="preserve"> </w:t>
      </w:r>
      <w:r w:rsidRPr="0034245D">
        <w:rPr>
          <w:rFonts w:asciiTheme="majorBidi" w:hAnsiTheme="majorBidi" w:cstheme="majorBidi"/>
          <w:sz w:val="18"/>
          <w:szCs w:val="18"/>
        </w:rPr>
        <w:t>temperature</w:t>
      </w:r>
      <w:r w:rsidR="00777ADE" w:rsidRPr="0034245D">
        <w:rPr>
          <w:rFonts w:asciiTheme="majorBidi" w:hAnsiTheme="majorBidi" w:cstheme="majorBidi"/>
          <w:sz w:val="18"/>
          <w:szCs w:val="18"/>
        </w:rPr>
        <w:t>.</w:t>
      </w:r>
    </w:p>
    <w:p w14:paraId="567036CC" w14:textId="2850CE98" w:rsidR="00FC55DE" w:rsidRPr="00FC3143" w:rsidRDefault="00291F74" w:rsidP="00F8217E">
      <w:pPr>
        <w:tabs>
          <w:tab w:val="left" w:pos="90"/>
        </w:tabs>
        <w:spacing w:after="0" w:line="240" w:lineRule="auto"/>
        <w:jc w:val="center"/>
        <w:rPr>
          <w:rFonts w:asciiTheme="majorBidi" w:hAnsiTheme="majorBidi" w:cstheme="majorBidi"/>
          <w:sz w:val="20"/>
          <w:szCs w:val="20"/>
        </w:rPr>
      </w:pPr>
      <w:r w:rsidRPr="00FC3143">
        <w:rPr>
          <w:rFonts w:asciiTheme="majorBidi" w:hAnsiTheme="majorBidi" w:cstheme="majorBidi"/>
          <w:noProof/>
          <w:sz w:val="20"/>
          <w:szCs w:val="20"/>
        </w:rPr>
        <w:drawing>
          <wp:inline distT="0" distB="0" distL="0" distR="0" wp14:anchorId="42FE62C1" wp14:editId="5E752300">
            <wp:extent cx="3906520" cy="2301240"/>
            <wp:effectExtent l="0" t="0" r="17780" b="3810"/>
            <wp:docPr id="4" name="Chart 4">
              <a:extLst xmlns:a="http://schemas.openxmlformats.org/drawingml/2006/main">
                <a:ext uri="{FF2B5EF4-FFF2-40B4-BE49-F238E27FC236}">
                  <a16:creationId xmlns:a16="http://schemas.microsoft.com/office/drawing/2014/main" id="{00000000-0008-0000-0000-000003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66C2BB68" w14:textId="325954DB" w:rsidR="004C19FA" w:rsidRDefault="00B74494" w:rsidP="00F8217E">
      <w:pPr>
        <w:tabs>
          <w:tab w:val="left" w:pos="90"/>
        </w:tabs>
        <w:spacing w:line="240" w:lineRule="auto"/>
        <w:jc w:val="center"/>
        <w:rPr>
          <w:rFonts w:asciiTheme="majorBidi" w:hAnsiTheme="majorBidi" w:cstheme="majorBidi"/>
          <w:sz w:val="18"/>
          <w:szCs w:val="18"/>
        </w:rPr>
      </w:pPr>
      <w:r w:rsidRPr="001E4D8A">
        <w:rPr>
          <w:rFonts w:asciiTheme="majorBidi" w:hAnsiTheme="majorBidi" w:cstheme="majorBidi"/>
          <w:b/>
          <w:bCs/>
          <w:sz w:val="18"/>
          <w:szCs w:val="18"/>
        </w:rPr>
        <w:t>FIGURE 8</w:t>
      </w:r>
      <w:r w:rsidR="004906BB" w:rsidRPr="001E4D8A">
        <w:rPr>
          <w:rFonts w:asciiTheme="majorBidi" w:hAnsiTheme="majorBidi" w:cstheme="majorBidi"/>
          <w:b/>
          <w:bCs/>
          <w:sz w:val="18"/>
          <w:szCs w:val="18"/>
        </w:rPr>
        <w:t xml:space="preserve">. </w:t>
      </w:r>
      <w:r w:rsidR="004906BB" w:rsidRPr="001E4D8A">
        <w:rPr>
          <w:rFonts w:asciiTheme="majorBidi" w:hAnsiTheme="majorBidi" w:cstheme="majorBidi"/>
          <w:sz w:val="18"/>
          <w:szCs w:val="18"/>
        </w:rPr>
        <w:t xml:space="preserve">Sensitivity </w:t>
      </w:r>
      <w:r w:rsidR="00895A5F" w:rsidRPr="001E4D8A">
        <w:rPr>
          <w:rFonts w:asciiTheme="majorBidi" w:hAnsiTheme="majorBidi" w:cstheme="majorBidi"/>
          <w:sz w:val="18"/>
          <w:szCs w:val="18"/>
        </w:rPr>
        <w:t>changes</w:t>
      </w:r>
      <w:r w:rsidR="004E13ED" w:rsidRPr="001E4D8A">
        <w:rPr>
          <w:rFonts w:asciiTheme="majorBidi" w:hAnsiTheme="majorBidi" w:cstheme="majorBidi"/>
          <w:sz w:val="18"/>
          <w:szCs w:val="18"/>
        </w:rPr>
        <w:t xml:space="preserve"> with</w:t>
      </w:r>
      <w:r w:rsidR="004906BB" w:rsidRPr="001E4D8A">
        <w:rPr>
          <w:rFonts w:asciiTheme="majorBidi" w:hAnsiTheme="majorBidi" w:cstheme="majorBidi"/>
          <w:sz w:val="18"/>
          <w:szCs w:val="18"/>
        </w:rPr>
        <w:t xml:space="preserve"> </w:t>
      </w:r>
      <w:r w:rsidR="009D3383" w:rsidRPr="001E4D8A">
        <w:rPr>
          <w:rFonts w:asciiTheme="majorBidi" w:hAnsiTheme="majorBidi" w:cstheme="majorBidi"/>
          <w:sz w:val="18"/>
          <w:szCs w:val="18"/>
        </w:rPr>
        <w:t xml:space="preserve">operation </w:t>
      </w:r>
      <w:r w:rsidR="004906BB" w:rsidRPr="001E4D8A">
        <w:rPr>
          <w:rFonts w:asciiTheme="majorBidi" w:hAnsiTheme="majorBidi" w:cstheme="majorBidi"/>
          <w:sz w:val="18"/>
          <w:szCs w:val="18"/>
        </w:rPr>
        <w:t>tem</w:t>
      </w:r>
      <w:r w:rsidR="003904CD" w:rsidRPr="001E4D8A">
        <w:rPr>
          <w:rFonts w:asciiTheme="majorBidi" w:hAnsiTheme="majorBidi" w:cstheme="majorBidi"/>
          <w:sz w:val="18"/>
          <w:szCs w:val="18"/>
        </w:rPr>
        <w:t>p.</w:t>
      </w:r>
    </w:p>
    <w:p w14:paraId="38E0BF77" w14:textId="77777777" w:rsidR="008A3C7C" w:rsidRDefault="008A3C7C" w:rsidP="00F8217E">
      <w:pPr>
        <w:tabs>
          <w:tab w:val="left" w:pos="90"/>
        </w:tabs>
        <w:spacing w:after="0" w:line="240" w:lineRule="auto"/>
        <w:jc w:val="both"/>
        <w:rPr>
          <w:rFonts w:asciiTheme="majorBidi" w:hAnsiTheme="majorBidi" w:cstheme="majorBidi"/>
          <w:sz w:val="20"/>
          <w:szCs w:val="20"/>
        </w:rPr>
      </w:pPr>
    </w:p>
    <w:tbl>
      <w:tblPr>
        <w:tblStyle w:val="TableGrid"/>
        <w:tblpPr w:leftFromText="180" w:rightFromText="180" w:vertAnchor="page" w:horzAnchor="margin" w:tblpXSpec="right" w:tblpY="9949"/>
        <w:tblW w:w="0" w:type="auto"/>
        <w:tblBorders>
          <w:left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016"/>
        <w:gridCol w:w="2016"/>
        <w:gridCol w:w="2016"/>
        <w:gridCol w:w="2016"/>
      </w:tblGrid>
      <w:tr w:rsidR="00F8217E" w:rsidRPr="00FC3143" w14:paraId="44410BE8" w14:textId="77777777" w:rsidTr="00F8217E">
        <w:trPr>
          <w:trHeight w:val="370"/>
        </w:trPr>
        <w:tc>
          <w:tcPr>
            <w:tcW w:w="2016" w:type="dxa"/>
            <w:tcBorders>
              <w:bottom w:val="single" w:sz="4" w:space="0" w:color="auto"/>
            </w:tcBorders>
          </w:tcPr>
          <w:p w14:paraId="32BA63D8" w14:textId="77777777" w:rsidR="00F8217E" w:rsidRPr="00D702BB" w:rsidRDefault="00F8217E" w:rsidP="00F8217E">
            <w:pPr>
              <w:tabs>
                <w:tab w:val="left" w:pos="90"/>
              </w:tabs>
              <w:spacing w:after="200"/>
              <w:rPr>
                <w:rFonts w:asciiTheme="majorBidi" w:eastAsiaTheme="minorHAnsi" w:hAnsiTheme="majorBidi" w:cstheme="majorBidi"/>
                <w:b/>
                <w:bCs/>
                <w:sz w:val="18"/>
                <w:szCs w:val="18"/>
              </w:rPr>
            </w:pPr>
            <w:r w:rsidRPr="00D702BB">
              <w:rPr>
                <w:rFonts w:asciiTheme="majorBidi" w:eastAsiaTheme="minorHAnsi" w:hAnsiTheme="majorBidi" w:cstheme="majorBidi"/>
                <w:b/>
                <w:bCs/>
                <w:sz w:val="18"/>
                <w:szCs w:val="18"/>
              </w:rPr>
              <w:t>Operating Temp. (°C)</w:t>
            </w:r>
          </w:p>
        </w:tc>
        <w:tc>
          <w:tcPr>
            <w:tcW w:w="2016" w:type="dxa"/>
            <w:tcBorders>
              <w:bottom w:val="single" w:sz="4" w:space="0" w:color="auto"/>
            </w:tcBorders>
          </w:tcPr>
          <w:p w14:paraId="33951BFA" w14:textId="77777777" w:rsidR="00F8217E" w:rsidRPr="00D702BB" w:rsidRDefault="00F8217E" w:rsidP="00F8217E">
            <w:pPr>
              <w:tabs>
                <w:tab w:val="left" w:pos="90"/>
              </w:tabs>
              <w:spacing w:after="200"/>
              <w:rPr>
                <w:rFonts w:asciiTheme="majorBidi" w:eastAsiaTheme="minorHAnsi" w:hAnsiTheme="majorBidi" w:cstheme="majorBidi"/>
                <w:b/>
                <w:bCs/>
                <w:sz w:val="18"/>
                <w:szCs w:val="18"/>
              </w:rPr>
            </w:pPr>
            <w:r w:rsidRPr="00D702BB">
              <w:rPr>
                <w:rFonts w:asciiTheme="majorBidi" w:eastAsiaTheme="minorHAnsi" w:hAnsiTheme="majorBidi" w:cstheme="majorBidi"/>
                <w:b/>
                <w:bCs/>
                <w:sz w:val="18"/>
                <w:szCs w:val="18"/>
              </w:rPr>
              <w:t>Sensitivity ( S%)</w:t>
            </w:r>
          </w:p>
        </w:tc>
        <w:tc>
          <w:tcPr>
            <w:tcW w:w="2016" w:type="dxa"/>
            <w:tcBorders>
              <w:bottom w:val="single" w:sz="4" w:space="0" w:color="auto"/>
            </w:tcBorders>
          </w:tcPr>
          <w:p w14:paraId="7A5F1CBC" w14:textId="77777777" w:rsidR="00F8217E" w:rsidRPr="00D702BB" w:rsidRDefault="00F8217E" w:rsidP="00F8217E">
            <w:pPr>
              <w:tabs>
                <w:tab w:val="left" w:pos="90"/>
              </w:tabs>
              <w:spacing w:after="200"/>
              <w:rPr>
                <w:rFonts w:asciiTheme="majorBidi" w:eastAsiaTheme="minorHAnsi" w:hAnsiTheme="majorBidi" w:cstheme="majorBidi"/>
                <w:b/>
                <w:bCs/>
                <w:sz w:val="18"/>
                <w:szCs w:val="18"/>
              </w:rPr>
            </w:pPr>
            <w:r w:rsidRPr="00D702BB">
              <w:rPr>
                <w:rFonts w:asciiTheme="majorBidi" w:eastAsiaTheme="minorHAnsi" w:hAnsiTheme="majorBidi" w:cstheme="majorBidi"/>
                <w:b/>
                <w:bCs/>
                <w:sz w:val="18"/>
                <w:szCs w:val="18"/>
              </w:rPr>
              <w:t>response time (sec)</w:t>
            </w:r>
          </w:p>
        </w:tc>
        <w:tc>
          <w:tcPr>
            <w:tcW w:w="2016" w:type="dxa"/>
            <w:tcBorders>
              <w:bottom w:val="single" w:sz="4" w:space="0" w:color="auto"/>
            </w:tcBorders>
          </w:tcPr>
          <w:p w14:paraId="2DDE4D1D" w14:textId="77777777" w:rsidR="00F8217E" w:rsidRPr="00D702BB" w:rsidRDefault="00F8217E" w:rsidP="00F8217E">
            <w:pPr>
              <w:tabs>
                <w:tab w:val="left" w:pos="90"/>
              </w:tabs>
              <w:spacing w:after="200"/>
              <w:rPr>
                <w:rFonts w:asciiTheme="majorBidi" w:eastAsiaTheme="minorHAnsi" w:hAnsiTheme="majorBidi" w:cstheme="majorBidi"/>
                <w:b/>
                <w:bCs/>
                <w:sz w:val="18"/>
                <w:szCs w:val="18"/>
              </w:rPr>
            </w:pPr>
            <w:r w:rsidRPr="00D702BB">
              <w:rPr>
                <w:rFonts w:asciiTheme="majorBidi" w:eastAsiaTheme="minorHAnsi" w:hAnsiTheme="majorBidi" w:cstheme="majorBidi"/>
                <w:b/>
                <w:bCs/>
                <w:sz w:val="18"/>
                <w:szCs w:val="18"/>
              </w:rPr>
              <w:t>Recover time (sec)</w:t>
            </w:r>
          </w:p>
        </w:tc>
      </w:tr>
      <w:tr w:rsidR="00F8217E" w:rsidRPr="00FC3143" w14:paraId="7D05D83F" w14:textId="77777777" w:rsidTr="00F8217E">
        <w:tc>
          <w:tcPr>
            <w:tcW w:w="2016" w:type="dxa"/>
          </w:tcPr>
          <w:p w14:paraId="0E7289DE"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35</w:t>
            </w:r>
          </w:p>
        </w:tc>
        <w:tc>
          <w:tcPr>
            <w:tcW w:w="2016" w:type="dxa"/>
          </w:tcPr>
          <w:p w14:paraId="5B1FC12B"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0.2583</w:t>
            </w:r>
          </w:p>
        </w:tc>
        <w:tc>
          <w:tcPr>
            <w:tcW w:w="2016" w:type="dxa"/>
          </w:tcPr>
          <w:p w14:paraId="6C427F50"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27</w:t>
            </w:r>
          </w:p>
        </w:tc>
        <w:tc>
          <w:tcPr>
            <w:tcW w:w="2016" w:type="dxa"/>
          </w:tcPr>
          <w:p w14:paraId="4E1B0118"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45</w:t>
            </w:r>
          </w:p>
        </w:tc>
      </w:tr>
      <w:tr w:rsidR="00F8217E" w:rsidRPr="00FC3143" w14:paraId="174B11F2" w14:textId="77777777" w:rsidTr="00F8217E">
        <w:tc>
          <w:tcPr>
            <w:tcW w:w="2016" w:type="dxa"/>
          </w:tcPr>
          <w:p w14:paraId="6445E39E"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100</w:t>
            </w:r>
          </w:p>
        </w:tc>
        <w:tc>
          <w:tcPr>
            <w:tcW w:w="2016" w:type="dxa"/>
          </w:tcPr>
          <w:p w14:paraId="683A129E"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0.4267</w:t>
            </w:r>
          </w:p>
        </w:tc>
        <w:tc>
          <w:tcPr>
            <w:tcW w:w="2016" w:type="dxa"/>
          </w:tcPr>
          <w:p w14:paraId="16E918A8"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28.8</w:t>
            </w:r>
          </w:p>
        </w:tc>
        <w:tc>
          <w:tcPr>
            <w:tcW w:w="2016" w:type="dxa"/>
          </w:tcPr>
          <w:p w14:paraId="0763B608"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35.1</w:t>
            </w:r>
          </w:p>
        </w:tc>
      </w:tr>
      <w:tr w:rsidR="00F8217E" w:rsidRPr="00FC3143" w14:paraId="11F049CD" w14:textId="77777777" w:rsidTr="00F8217E">
        <w:tc>
          <w:tcPr>
            <w:tcW w:w="2016" w:type="dxa"/>
          </w:tcPr>
          <w:p w14:paraId="35FC3DDE"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200</w:t>
            </w:r>
          </w:p>
        </w:tc>
        <w:tc>
          <w:tcPr>
            <w:tcW w:w="2016" w:type="dxa"/>
          </w:tcPr>
          <w:p w14:paraId="28DE3608"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0.8064</w:t>
            </w:r>
          </w:p>
        </w:tc>
        <w:tc>
          <w:tcPr>
            <w:tcW w:w="2016" w:type="dxa"/>
          </w:tcPr>
          <w:p w14:paraId="6FCB9636"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22.5</w:t>
            </w:r>
          </w:p>
        </w:tc>
        <w:tc>
          <w:tcPr>
            <w:tcW w:w="2016" w:type="dxa"/>
          </w:tcPr>
          <w:p w14:paraId="704E967E" w14:textId="77777777" w:rsidR="00F8217E" w:rsidRPr="00FC3143" w:rsidRDefault="00F8217E" w:rsidP="00F8217E">
            <w:pPr>
              <w:tabs>
                <w:tab w:val="left" w:pos="90"/>
              </w:tabs>
              <w:spacing w:after="200"/>
              <w:rPr>
                <w:rFonts w:asciiTheme="majorBidi" w:eastAsiaTheme="minorHAnsi" w:hAnsiTheme="majorBidi" w:cstheme="majorBidi"/>
                <w:sz w:val="20"/>
                <w:szCs w:val="20"/>
              </w:rPr>
            </w:pPr>
            <w:r w:rsidRPr="00FC3143">
              <w:rPr>
                <w:rFonts w:asciiTheme="majorBidi" w:eastAsiaTheme="minorHAnsi" w:hAnsiTheme="majorBidi" w:cstheme="majorBidi"/>
                <w:sz w:val="20"/>
                <w:szCs w:val="20"/>
              </w:rPr>
              <w:t>49.5</w:t>
            </w:r>
          </w:p>
        </w:tc>
      </w:tr>
    </w:tbl>
    <w:p w14:paraId="24EA2990" w14:textId="1423895C" w:rsidR="00291F74" w:rsidRDefault="00F8217E" w:rsidP="00F8217E">
      <w:pPr>
        <w:tabs>
          <w:tab w:val="left" w:pos="90"/>
        </w:tabs>
        <w:spacing w:line="240" w:lineRule="auto"/>
        <w:jc w:val="center"/>
        <w:rPr>
          <w:rFonts w:asciiTheme="majorBidi" w:hAnsiTheme="majorBidi" w:cstheme="majorBidi"/>
          <w:sz w:val="20"/>
          <w:szCs w:val="20"/>
        </w:rPr>
      </w:pPr>
      <w:r w:rsidRPr="004C19FA">
        <w:rPr>
          <w:rFonts w:asciiTheme="majorBidi" w:hAnsiTheme="majorBidi" w:cstheme="majorBidi"/>
          <w:b/>
          <w:bCs/>
          <w:sz w:val="18"/>
          <w:szCs w:val="18"/>
        </w:rPr>
        <w:t xml:space="preserve">TABLE 5. </w:t>
      </w:r>
      <w:r w:rsidRPr="004C19FA">
        <w:rPr>
          <w:rFonts w:asciiTheme="majorBidi" w:hAnsiTheme="majorBidi" w:cstheme="majorBidi"/>
          <w:sz w:val="18"/>
          <w:szCs w:val="18"/>
        </w:rPr>
        <w:t>S%, response and recovery time for thin films at (R.T,100,200) °C for gas (H</w:t>
      </w:r>
      <w:r w:rsidRPr="004C19FA">
        <w:rPr>
          <w:rFonts w:asciiTheme="majorBidi" w:hAnsiTheme="majorBidi" w:cstheme="majorBidi"/>
          <w:sz w:val="18"/>
          <w:szCs w:val="18"/>
          <w:vertAlign w:val="subscript"/>
        </w:rPr>
        <w:t>2</w:t>
      </w:r>
      <w:r w:rsidRPr="004C19FA">
        <w:rPr>
          <w:rFonts w:asciiTheme="majorBidi" w:hAnsiTheme="majorBidi" w:cstheme="majorBidi"/>
          <w:sz w:val="18"/>
          <w:szCs w:val="18"/>
        </w:rPr>
        <w:t>S).</w:t>
      </w:r>
    </w:p>
    <w:p w14:paraId="438EF51A" w14:textId="77777777" w:rsidR="00F8217E" w:rsidRDefault="00F8217E" w:rsidP="00B50831">
      <w:pPr>
        <w:tabs>
          <w:tab w:val="left" w:pos="90"/>
        </w:tabs>
        <w:spacing w:line="240" w:lineRule="auto"/>
        <w:ind w:firstLine="284"/>
        <w:jc w:val="both"/>
        <w:rPr>
          <w:rFonts w:asciiTheme="majorBidi" w:hAnsiTheme="majorBidi" w:cstheme="majorBidi"/>
          <w:sz w:val="20"/>
          <w:szCs w:val="20"/>
        </w:rPr>
      </w:pPr>
    </w:p>
    <w:p w14:paraId="5E89EA65" w14:textId="77777777" w:rsidR="00F8217E" w:rsidRDefault="00F8217E" w:rsidP="00B50831">
      <w:pPr>
        <w:tabs>
          <w:tab w:val="left" w:pos="90"/>
        </w:tabs>
        <w:spacing w:line="240" w:lineRule="auto"/>
        <w:ind w:firstLine="284"/>
        <w:jc w:val="both"/>
        <w:rPr>
          <w:rFonts w:asciiTheme="majorBidi" w:hAnsiTheme="majorBidi" w:cstheme="majorBidi"/>
          <w:sz w:val="20"/>
          <w:szCs w:val="20"/>
        </w:rPr>
      </w:pPr>
    </w:p>
    <w:p w14:paraId="41C38AC8" w14:textId="77777777" w:rsidR="00F8217E" w:rsidRDefault="00F8217E" w:rsidP="00B50831">
      <w:pPr>
        <w:tabs>
          <w:tab w:val="left" w:pos="90"/>
        </w:tabs>
        <w:spacing w:line="240" w:lineRule="auto"/>
        <w:ind w:firstLine="284"/>
        <w:jc w:val="both"/>
        <w:rPr>
          <w:rFonts w:asciiTheme="majorBidi" w:hAnsiTheme="majorBidi" w:cstheme="majorBidi"/>
          <w:sz w:val="20"/>
          <w:szCs w:val="20"/>
        </w:rPr>
      </w:pPr>
    </w:p>
    <w:p w14:paraId="47919CD9" w14:textId="77777777" w:rsidR="00F8217E" w:rsidRDefault="00F8217E" w:rsidP="00B50831">
      <w:pPr>
        <w:tabs>
          <w:tab w:val="left" w:pos="90"/>
        </w:tabs>
        <w:spacing w:line="240" w:lineRule="auto"/>
        <w:ind w:firstLine="284"/>
        <w:jc w:val="both"/>
        <w:rPr>
          <w:rFonts w:asciiTheme="majorBidi" w:hAnsiTheme="majorBidi" w:cstheme="majorBidi"/>
          <w:sz w:val="20"/>
          <w:szCs w:val="20"/>
        </w:rPr>
      </w:pPr>
    </w:p>
    <w:p w14:paraId="61BB7DA7" w14:textId="05AFE284" w:rsidR="006B456D" w:rsidRDefault="00BB0102" w:rsidP="00F8217E">
      <w:pPr>
        <w:tabs>
          <w:tab w:val="left" w:pos="90"/>
        </w:tabs>
        <w:spacing w:before="240" w:after="0" w:line="240" w:lineRule="auto"/>
        <w:ind w:firstLine="284"/>
        <w:jc w:val="both"/>
        <w:rPr>
          <w:rFonts w:asciiTheme="majorBidi" w:hAnsiTheme="majorBidi" w:cstheme="majorBidi"/>
          <w:sz w:val="20"/>
          <w:szCs w:val="20"/>
        </w:rPr>
      </w:pPr>
      <w:r w:rsidRPr="00FC3143">
        <w:rPr>
          <w:rFonts w:asciiTheme="majorBidi" w:hAnsiTheme="majorBidi" w:cstheme="majorBidi"/>
          <w:sz w:val="20"/>
          <w:szCs w:val="20"/>
        </w:rPr>
        <w:t>Table 5 shows that sensitivity improves with increasing operating temperature, with the highest sensitivity and lowest response time at 200°C (0.806 for 20 ppm gas). The response and recovery times were 22.5 seconds and 49.5 seconds, respectively.</w:t>
      </w:r>
    </w:p>
    <w:p w14:paraId="23F0D595" w14:textId="187D3323" w:rsidR="005A65BD" w:rsidRPr="00F33337" w:rsidRDefault="0053597E" w:rsidP="00F8217E">
      <w:pPr>
        <w:tabs>
          <w:tab w:val="left" w:pos="90"/>
        </w:tabs>
        <w:spacing w:before="240" w:after="240" w:line="240" w:lineRule="auto"/>
        <w:jc w:val="center"/>
        <w:rPr>
          <w:rFonts w:asciiTheme="majorBidi" w:hAnsiTheme="majorBidi" w:cstheme="majorBidi"/>
          <w:b/>
          <w:bCs/>
          <w:sz w:val="24"/>
          <w:szCs w:val="24"/>
        </w:rPr>
      </w:pPr>
      <w:r w:rsidRPr="00F33337">
        <w:rPr>
          <w:rFonts w:asciiTheme="majorBidi" w:hAnsiTheme="majorBidi" w:cstheme="majorBidi"/>
          <w:b/>
          <w:bCs/>
          <w:sz w:val="24"/>
          <w:szCs w:val="24"/>
        </w:rPr>
        <w:t>CONCLUSION</w:t>
      </w:r>
    </w:p>
    <w:p w14:paraId="1FAF1564" w14:textId="77E19705" w:rsidR="00EB003E" w:rsidRDefault="00D72B19" w:rsidP="00B50831">
      <w:pPr>
        <w:tabs>
          <w:tab w:val="left" w:pos="90"/>
        </w:tabs>
        <w:spacing w:line="240" w:lineRule="auto"/>
        <w:ind w:firstLine="284"/>
        <w:jc w:val="both"/>
        <w:rPr>
          <w:rFonts w:asciiTheme="majorBidi" w:hAnsiTheme="majorBidi" w:cstheme="majorBidi"/>
          <w:sz w:val="20"/>
          <w:szCs w:val="20"/>
        </w:rPr>
      </w:pPr>
      <w:r w:rsidRPr="00FC3143">
        <w:rPr>
          <w:rFonts w:asciiTheme="majorBidi" w:hAnsiTheme="majorBidi" w:cstheme="majorBidi"/>
          <w:sz w:val="20"/>
          <w:szCs w:val="20"/>
        </w:rPr>
        <w:t xml:space="preserve">SnOx films were prepared by thermal evaporation technique. X-ray diffraction (XRD) and atomic force microscopy (AFM) studies revealed crystallite size (32.8-24.68) nm and </w:t>
      </w:r>
      <w:r w:rsidR="007E2E81" w:rsidRPr="00FC3143">
        <w:rPr>
          <w:rFonts w:asciiTheme="majorBidi" w:hAnsiTheme="majorBidi" w:cstheme="majorBidi"/>
          <w:sz w:val="20"/>
          <w:szCs w:val="20"/>
        </w:rPr>
        <w:t xml:space="preserve">Mean </w:t>
      </w:r>
      <w:r w:rsidR="00895A5F" w:rsidRPr="00FC3143">
        <w:rPr>
          <w:rFonts w:asciiTheme="majorBidi" w:hAnsiTheme="majorBidi" w:cstheme="majorBidi"/>
          <w:sz w:val="20"/>
          <w:szCs w:val="20"/>
        </w:rPr>
        <w:t>diameter (</w:t>
      </w:r>
      <w:r w:rsidRPr="00FC3143">
        <w:rPr>
          <w:rFonts w:asciiTheme="majorBidi" w:hAnsiTheme="majorBidi" w:cstheme="majorBidi"/>
          <w:sz w:val="20"/>
          <w:szCs w:val="20"/>
        </w:rPr>
        <w:t xml:space="preserve">59.7-30.7) nm. The band gap was </w:t>
      </w:r>
      <w:r w:rsidR="00F819F6" w:rsidRPr="00FC3143">
        <w:rPr>
          <w:rFonts w:asciiTheme="majorBidi" w:hAnsiTheme="majorBidi" w:cstheme="majorBidi"/>
          <w:sz w:val="20"/>
          <w:szCs w:val="20"/>
        </w:rPr>
        <w:t>(2.6-</w:t>
      </w:r>
      <w:r w:rsidR="0053597E" w:rsidRPr="00FC3143">
        <w:rPr>
          <w:rFonts w:asciiTheme="majorBidi" w:hAnsiTheme="majorBidi" w:cstheme="majorBidi"/>
          <w:sz w:val="20"/>
          <w:szCs w:val="20"/>
        </w:rPr>
        <w:t>3.2) eV</w:t>
      </w:r>
      <w:r w:rsidRPr="00FC3143">
        <w:rPr>
          <w:rFonts w:asciiTheme="majorBidi" w:hAnsiTheme="majorBidi" w:cstheme="majorBidi"/>
          <w:sz w:val="20"/>
          <w:szCs w:val="20"/>
        </w:rPr>
        <w:t xml:space="preserve"> through optical measurement of the films</w:t>
      </w:r>
      <w:r w:rsidR="007E2E81" w:rsidRPr="00FC3143">
        <w:rPr>
          <w:rFonts w:asciiTheme="majorBidi" w:hAnsiTheme="majorBidi" w:cstheme="majorBidi"/>
          <w:sz w:val="20"/>
          <w:szCs w:val="20"/>
        </w:rPr>
        <w:t xml:space="preserve"> oxi</w:t>
      </w:r>
      <w:r w:rsidRPr="00FC3143">
        <w:rPr>
          <w:rFonts w:asciiTheme="majorBidi" w:hAnsiTheme="majorBidi" w:cstheme="majorBidi"/>
          <w:sz w:val="20"/>
          <w:szCs w:val="20"/>
        </w:rPr>
        <w:t>dized at 300 and 400 °C.</w:t>
      </w:r>
      <w:r w:rsidR="00E27B10" w:rsidRPr="00FC3143">
        <w:rPr>
          <w:rFonts w:asciiTheme="majorBidi" w:hAnsiTheme="majorBidi" w:cstheme="majorBidi"/>
          <w:sz w:val="20"/>
          <w:szCs w:val="20"/>
        </w:rPr>
        <w:t xml:space="preserve"> </w:t>
      </w:r>
      <w:r w:rsidR="001B2DF6" w:rsidRPr="00FC3143">
        <w:rPr>
          <w:rFonts w:asciiTheme="majorBidi" w:hAnsiTheme="majorBidi" w:cstheme="majorBidi"/>
          <w:sz w:val="20"/>
          <w:szCs w:val="20"/>
        </w:rPr>
        <w:t>SnO</w:t>
      </w:r>
      <w:r w:rsidR="001B2DF6" w:rsidRPr="00FC3143">
        <w:rPr>
          <w:rFonts w:asciiTheme="majorBidi" w:hAnsiTheme="majorBidi" w:cstheme="majorBidi"/>
          <w:sz w:val="20"/>
          <w:szCs w:val="20"/>
          <w:vertAlign w:val="subscript"/>
        </w:rPr>
        <w:t>2</w:t>
      </w:r>
      <w:r w:rsidR="001B2DF6" w:rsidRPr="00FC3143">
        <w:rPr>
          <w:rFonts w:asciiTheme="majorBidi" w:hAnsiTheme="majorBidi" w:cstheme="majorBidi"/>
          <w:sz w:val="20"/>
          <w:szCs w:val="20"/>
        </w:rPr>
        <w:t xml:space="preserve"> thin-film sensors demonstrated the highest sensitivity and lowest response time at 200°C to H</w:t>
      </w:r>
      <w:r w:rsidR="001B2DF6" w:rsidRPr="00FC3143">
        <w:rPr>
          <w:rFonts w:asciiTheme="majorBidi" w:hAnsiTheme="majorBidi" w:cstheme="majorBidi"/>
          <w:sz w:val="20"/>
          <w:szCs w:val="20"/>
          <w:vertAlign w:val="subscript"/>
        </w:rPr>
        <w:t>2</w:t>
      </w:r>
      <w:r w:rsidR="001B2DF6" w:rsidRPr="00FC3143">
        <w:rPr>
          <w:rFonts w:asciiTheme="majorBidi" w:hAnsiTheme="majorBidi" w:cstheme="majorBidi"/>
          <w:sz w:val="20"/>
          <w:szCs w:val="20"/>
        </w:rPr>
        <w:t xml:space="preserve">S gas. </w:t>
      </w:r>
    </w:p>
    <w:p w14:paraId="4EE364A4" w14:textId="1310778B" w:rsidR="0053597E" w:rsidRPr="00F33337" w:rsidRDefault="0053597E" w:rsidP="00B50831">
      <w:pPr>
        <w:tabs>
          <w:tab w:val="left" w:pos="90"/>
        </w:tabs>
        <w:spacing w:line="240" w:lineRule="auto"/>
        <w:jc w:val="center"/>
        <w:rPr>
          <w:rFonts w:asciiTheme="majorBidi" w:hAnsiTheme="majorBidi" w:cstheme="majorBidi"/>
          <w:b/>
          <w:bCs/>
          <w:sz w:val="24"/>
          <w:szCs w:val="24"/>
        </w:rPr>
      </w:pPr>
      <w:r w:rsidRPr="00F33337">
        <w:rPr>
          <w:rFonts w:asciiTheme="majorBidi" w:hAnsiTheme="majorBidi" w:cstheme="majorBidi"/>
          <w:b/>
          <w:bCs/>
          <w:sz w:val="24"/>
          <w:szCs w:val="24"/>
        </w:rPr>
        <w:lastRenderedPageBreak/>
        <w:t>REFERENCES</w:t>
      </w:r>
    </w:p>
    <w:p w14:paraId="0498C22C" w14:textId="3B35AF52"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J.S. Kachirayil, Y.P. Venkata Subbaiah, K. Tian and A. Tiwari, “P-type SnO thin films and SnO/ZnO heterostructures for all-oxide electronic and optoelectronic device applications,” Thin Solid Films 605, 193–200 (2016).</w:t>
      </w:r>
      <w:r w:rsidR="00BE68A0" w:rsidRPr="00B50831">
        <w:rPr>
          <w:rFonts w:asciiTheme="majorBidi" w:hAnsiTheme="majorBidi" w:cstheme="majorBidi"/>
          <w:sz w:val="18"/>
          <w:szCs w:val="18"/>
          <w:shd w:val="clear" w:color="auto" w:fill="F7F7ED"/>
        </w:rPr>
        <w:t xml:space="preserve"> </w:t>
      </w:r>
      <w:hyperlink r:id="rId22" w:history="1">
        <w:r w:rsidR="00BE68A0" w:rsidRPr="00B50831">
          <w:rPr>
            <w:rStyle w:val="Hyperlink"/>
            <w:rFonts w:asciiTheme="majorBidi" w:hAnsiTheme="majorBidi" w:cstheme="majorBidi"/>
            <w:color w:val="auto"/>
            <w:sz w:val="18"/>
            <w:szCs w:val="18"/>
            <w:u w:val="none"/>
          </w:rPr>
          <w:t>https://doi.org/10.1016/j.tsf.2015.09.026</w:t>
        </w:r>
      </w:hyperlink>
      <w:r w:rsidR="00BE68A0" w:rsidRPr="00B50831">
        <w:rPr>
          <w:rFonts w:asciiTheme="majorBidi" w:hAnsiTheme="majorBidi" w:cstheme="majorBidi"/>
          <w:sz w:val="18"/>
          <w:szCs w:val="18"/>
        </w:rPr>
        <w:t xml:space="preserve"> </w:t>
      </w:r>
    </w:p>
    <w:p w14:paraId="6D258BCA" w14:textId="4C1ACC56"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Q.-J. Liu, Z.-T. Liu and L.-P. Feng, “First-principles calculations of structural, electronic and optical properties of tetragonal SnO₂ and SnO,” Comput. Mater. Sci. 47, 1016–1022 (2010). </w:t>
      </w:r>
      <w:hyperlink r:id="rId23" w:history="1">
        <w:r w:rsidR="006D433C" w:rsidRPr="00B50831">
          <w:rPr>
            <w:rStyle w:val="Hyperlink"/>
            <w:rFonts w:asciiTheme="majorBidi" w:hAnsiTheme="majorBidi" w:cstheme="majorBidi"/>
            <w:color w:val="auto"/>
            <w:sz w:val="18"/>
            <w:szCs w:val="18"/>
            <w:u w:val="none"/>
          </w:rPr>
          <w:t>https://doi.org/10.1016/j.commatsci.2009.11.038</w:t>
        </w:r>
      </w:hyperlink>
      <w:r w:rsidR="006D433C" w:rsidRPr="00B50831">
        <w:rPr>
          <w:rFonts w:asciiTheme="majorBidi" w:hAnsiTheme="majorBidi" w:cstheme="majorBidi"/>
          <w:sz w:val="18"/>
          <w:szCs w:val="18"/>
        </w:rPr>
        <w:t xml:space="preserve"> </w:t>
      </w:r>
    </w:p>
    <w:p w14:paraId="04078DB1" w14:textId="2885997A"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Z. Wang, P.K. Nayak, J.A. Caraveo-Frescas and H.N. Alshareef, Adv. Mater. 28, 3831 (2016). </w:t>
      </w:r>
      <w:hyperlink r:id="rId24" w:history="1">
        <w:r w:rsidR="006D433C" w:rsidRPr="00B50831">
          <w:rPr>
            <w:rStyle w:val="Hyperlink"/>
            <w:rFonts w:asciiTheme="majorBidi" w:hAnsiTheme="majorBidi" w:cstheme="majorBidi"/>
            <w:color w:val="auto"/>
            <w:sz w:val="18"/>
            <w:szCs w:val="18"/>
            <w:u w:val="none"/>
          </w:rPr>
          <w:t>https://doi.org/10.1002/adma.201503080</w:t>
        </w:r>
      </w:hyperlink>
      <w:r w:rsidR="006D433C" w:rsidRPr="00B50831">
        <w:rPr>
          <w:rFonts w:asciiTheme="majorBidi" w:hAnsiTheme="majorBidi" w:cstheme="majorBidi"/>
          <w:sz w:val="18"/>
          <w:szCs w:val="18"/>
        </w:rPr>
        <w:t xml:space="preserve"> </w:t>
      </w:r>
    </w:p>
    <w:p w14:paraId="3CDE1755" w14:textId="66EB9335"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W. Guo, L. Fu, Y. Zhang, K. Zhang, L.Y. Liang, Z.M. Liu, H.T. Cao and X.Q. Pan, “Microstructure, optical, and electrical properties of p-type SnO thin films,” Appl. Phys. Lett. 96, 042113 (2010). </w:t>
      </w:r>
      <w:hyperlink r:id="rId25" w:history="1">
        <w:r w:rsidR="006D433C" w:rsidRPr="00B50831">
          <w:rPr>
            <w:rStyle w:val="Hyperlink"/>
            <w:rFonts w:asciiTheme="majorBidi" w:hAnsiTheme="majorBidi" w:cstheme="majorBidi"/>
            <w:color w:val="auto"/>
            <w:sz w:val="18"/>
            <w:szCs w:val="18"/>
            <w:u w:val="none"/>
          </w:rPr>
          <w:t>https://doi.org/10.1063/1.3277153</w:t>
        </w:r>
      </w:hyperlink>
      <w:r w:rsidR="006D433C" w:rsidRPr="00B50831">
        <w:rPr>
          <w:rFonts w:asciiTheme="majorBidi" w:hAnsiTheme="majorBidi" w:cstheme="majorBidi"/>
          <w:sz w:val="18"/>
          <w:szCs w:val="18"/>
        </w:rPr>
        <w:t xml:space="preserve"> </w:t>
      </w:r>
    </w:p>
    <w:p w14:paraId="2B29C4F9" w14:textId="55E5119D"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R. Kumar, “Hydrogen sulfide gas sensing properties of SnO₂ thin films prepared by thermal evaporation technique,” J. Phys.: Conf. Ser. 1531, 012013 (2020). </w:t>
      </w:r>
      <w:hyperlink r:id="rId26" w:history="1">
        <w:r w:rsidR="006D433C" w:rsidRPr="00B50831">
          <w:rPr>
            <w:rStyle w:val="Hyperlink"/>
            <w:rFonts w:asciiTheme="majorBidi" w:hAnsiTheme="majorBidi" w:cstheme="majorBidi"/>
            <w:color w:val="auto"/>
            <w:sz w:val="18"/>
            <w:szCs w:val="18"/>
            <w:u w:val="none"/>
          </w:rPr>
          <w:t>https://doi.org/10.1088/1742-6596/1531/1/012013</w:t>
        </w:r>
      </w:hyperlink>
      <w:r w:rsidR="006D433C" w:rsidRPr="00B50831">
        <w:rPr>
          <w:rFonts w:asciiTheme="majorBidi" w:hAnsiTheme="majorBidi" w:cstheme="majorBidi"/>
          <w:sz w:val="18"/>
          <w:szCs w:val="18"/>
        </w:rPr>
        <w:t xml:space="preserve"> </w:t>
      </w:r>
    </w:p>
    <w:p w14:paraId="619117DC" w14:textId="77777777"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B. Elvers, S. Hawkins and G. Schulz (eds.), Ullmann’s Encyclopedia of Industrial Chemistry, Vol. A15 (VCH, Weinheim, 1990), p.55.</w:t>
      </w:r>
    </w:p>
    <w:p w14:paraId="2DEE1625" w14:textId="669EE689"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H.J. Abdul-Ameer, M.F. AL-Hilli and M.K. Khalaf, “Comparative NO₂ sensing characteristics of SnO₂:WO₃ thin film against bulk and investigation of optical properties,” Baghdad Sci. J. 15, 227–233 (2018). </w:t>
      </w:r>
      <w:hyperlink r:id="rId27" w:history="1">
        <w:r w:rsidR="006D433C" w:rsidRPr="00B50831">
          <w:rPr>
            <w:rStyle w:val="Hyperlink"/>
            <w:rFonts w:asciiTheme="majorBidi" w:hAnsiTheme="majorBidi" w:cstheme="majorBidi"/>
            <w:color w:val="auto"/>
            <w:sz w:val="18"/>
            <w:szCs w:val="18"/>
            <w:u w:val="none"/>
          </w:rPr>
          <w:t>http://dx.doi.org/10.21123/bsj.2018.15.2.0227</w:t>
        </w:r>
      </w:hyperlink>
      <w:r w:rsidR="006D433C" w:rsidRPr="00B50831">
        <w:rPr>
          <w:rFonts w:asciiTheme="majorBidi" w:hAnsiTheme="majorBidi" w:cstheme="majorBidi"/>
          <w:sz w:val="18"/>
          <w:szCs w:val="18"/>
        </w:rPr>
        <w:t xml:space="preserve"> </w:t>
      </w:r>
    </w:p>
    <w:p w14:paraId="6ADD9F3E" w14:textId="0F290C21"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S.K. Tripathy and T.N.V.P. Rao, “Thermally evaporated tin oxide thin film for gas sensing applications,” J. Nano- Electron. Phys. 9, 02019 (2017).</w:t>
      </w:r>
      <w:r w:rsidR="00BE68A0" w:rsidRPr="00B50831">
        <w:rPr>
          <w:rFonts w:asciiTheme="majorBidi" w:hAnsiTheme="majorBidi" w:cstheme="majorBidi"/>
          <w:sz w:val="18"/>
          <w:szCs w:val="18"/>
          <w:shd w:val="clear" w:color="auto" w:fill="F7F7ED"/>
        </w:rPr>
        <w:t xml:space="preserve"> </w:t>
      </w:r>
      <w:hyperlink r:id="rId28" w:history="1">
        <w:r w:rsidR="00BE68A0" w:rsidRPr="00B50831">
          <w:rPr>
            <w:rStyle w:val="Hyperlink"/>
            <w:rFonts w:asciiTheme="majorBidi" w:hAnsiTheme="majorBidi" w:cstheme="majorBidi"/>
            <w:color w:val="auto"/>
            <w:sz w:val="18"/>
            <w:szCs w:val="18"/>
            <w:u w:val="none"/>
          </w:rPr>
          <w:t>https://doi.org/10.21272/jnep.9(2).02019</w:t>
        </w:r>
      </w:hyperlink>
      <w:r w:rsidR="00BE68A0" w:rsidRPr="00B50831">
        <w:rPr>
          <w:rFonts w:asciiTheme="majorBidi" w:hAnsiTheme="majorBidi" w:cstheme="majorBidi"/>
          <w:sz w:val="18"/>
          <w:szCs w:val="18"/>
        </w:rPr>
        <w:t xml:space="preserve"> </w:t>
      </w:r>
    </w:p>
    <w:p w14:paraId="649D589D" w14:textId="516E257E"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I.D.P. Hermida, G. Wiranto, Hiskia and R. Nopriyanti, “Fabrication of SnO₂ based CO gas sensor device using thick film technology,” J. Phys.: Conf. Ser. 776, 012061 (2016). </w:t>
      </w:r>
      <w:hyperlink r:id="rId29" w:history="1">
        <w:r w:rsidR="006D433C" w:rsidRPr="00B50831">
          <w:rPr>
            <w:rStyle w:val="Hyperlink"/>
            <w:rFonts w:asciiTheme="majorBidi" w:hAnsiTheme="majorBidi" w:cstheme="majorBidi"/>
            <w:color w:val="auto"/>
            <w:sz w:val="18"/>
            <w:szCs w:val="18"/>
            <w:u w:val="none"/>
          </w:rPr>
          <w:t>https://doi.org/10.1088/1742-6596/776/1/012061</w:t>
        </w:r>
      </w:hyperlink>
      <w:r w:rsidR="006D433C" w:rsidRPr="00B50831">
        <w:rPr>
          <w:rFonts w:asciiTheme="majorBidi" w:hAnsiTheme="majorBidi" w:cstheme="majorBidi"/>
          <w:sz w:val="18"/>
          <w:szCs w:val="18"/>
        </w:rPr>
        <w:t xml:space="preserve"> </w:t>
      </w:r>
    </w:p>
    <w:p w14:paraId="32C21189" w14:textId="249E6998" w:rsidR="0053597E" w:rsidRPr="00B50831" w:rsidRDefault="00F461CD"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Vishwakarma, A. K.,</w:t>
      </w:r>
      <w:r w:rsidR="008960BB" w:rsidRPr="00B50831">
        <w:rPr>
          <w:rFonts w:asciiTheme="majorBidi" w:hAnsiTheme="majorBidi" w:cstheme="majorBidi"/>
          <w:sz w:val="18"/>
          <w:szCs w:val="18"/>
        </w:rPr>
        <w:t xml:space="preserve"> Mishra, A. K., &amp; Srivastava, S</w:t>
      </w:r>
      <w:r w:rsidRPr="00B50831">
        <w:rPr>
          <w:rFonts w:asciiTheme="majorBidi" w:hAnsiTheme="majorBidi" w:cstheme="majorBidi"/>
          <w:sz w:val="18"/>
          <w:szCs w:val="18"/>
        </w:rPr>
        <w:t xml:space="preserve">. </w:t>
      </w:r>
      <w:r w:rsidR="008960BB" w:rsidRPr="00B50831">
        <w:rPr>
          <w:rFonts w:asciiTheme="majorBidi" w:hAnsiTheme="majorBidi" w:cstheme="majorBidi"/>
          <w:sz w:val="18"/>
          <w:szCs w:val="18"/>
        </w:rPr>
        <w:t>“</w:t>
      </w:r>
      <w:r w:rsidRPr="00B50831">
        <w:rPr>
          <w:rFonts w:asciiTheme="majorBidi" w:hAnsiTheme="majorBidi" w:cstheme="majorBidi"/>
          <w:sz w:val="18"/>
          <w:szCs w:val="18"/>
        </w:rPr>
        <w:t>Sensing performance of lead monoxide-doped tin oxide thick film gas sensor</w:t>
      </w:r>
      <w:r w:rsidR="008960BB" w:rsidRPr="00B50831">
        <w:rPr>
          <w:rFonts w:asciiTheme="majorBidi" w:hAnsiTheme="majorBidi" w:cstheme="majorBidi"/>
          <w:sz w:val="18"/>
          <w:szCs w:val="18"/>
        </w:rPr>
        <w:t>”,</w:t>
      </w:r>
      <w:r w:rsidRPr="00B50831">
        <w:rPr>
          <w:rFonts w:asciiTheme="majorBidi" w:hAnsiTheme="majorBidi" w:cstheme="majorBidi"/>
          <w:sz w:val="18"/>
          <w:szCs w:val="18"/>
        </w:rPr>
        <w:t> Bulletin of Materials Science, </w:t>
      </w:r>
      <w:r w:rsidR="008960BB" w:rsidRPr="00B50831">
        <w:rPr>
          <w:rFonts w:asciiTheme="majorBidi" w:hAnsiTheme="majorBidi" w:cstheme="majorBidi"/>
          <w:sz w:val="18"/>
          <w:szCs w:val="18"/>
        </w:rPr>
        <w:t>Vo.</w:t>
      </w:r>
      <w:r w:rsidRPr="00B50831">
        <w:rPr>
          <w:rFonts w:asciiTheme="majorBidi" w:hAnsiTheme="majorBidi" w:cstheme="majorBidi"/>
          <w:sz w:val="18"/>
          <w:szCs w:val="18"/>
        </w:rPr>
        <w:t>47(3)</w:t>
      </w:r>
      <w:r w:rsidR="008960BB" w:rsidRPr="00B50831">
        <w:rPr>
          <w:rFonts w:asciiTheme="majorBidi" w:hAnsiTheme="majorBidi" w:cstheme="majorBidi"/>
          <w:sz w:val="18"/>
          <w:szCs w:val="18"/>
        </w:rPr>
        <w:t xml:space="preserve"> ,(2024)</w:t>
      </w:r>
      <w:r w:rsidRPr="00B50831">
        <w:rPr>
          <w:rFonts w:asciiTheme="majorBidi" w:hAnsiTheme="majorBidi" w:cstheme="majorBidi"/>
          <w:sz w:val="18"/>
          <w:szCs w:val="18"/>
        </w:rPr>
        <w:t>. </w:t>
      </w:r>
      <w:hyperlink r:id="rId30" w:history="1">
        <w:r w:rsidRPr="00B50831">
          <w:rPr>
            <w:rStyle w:val="Hyperlink"/>
            <w:rFonts w:asciiTheme="majorBidi" w:hAnsiTheme="majorBidi" w:cstheme="majorBidi"/>
            <w:color w:val="auto"/>
            <w:sz w:val="18"/>
            <w:szCs w:val="18"/>
            <w:u w:val="none"/>
          </w:rPr>
          <w:t>https://doi.org/10.1007/s12034-024-03270-9</w:t>
        </w:r>
      </w:hyperlink>
    </w:p>
    <w:p w14:paraId="217F1685" w14:textId="77777777" w:rsidR="00914BF7" w:rsidRDefault="00914BF7"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914BF7">
        <w:rPr>
          <w:rFonts w:asciiTheme="majorBidi" w:hAnsiTheme="majorBidi" w:cstheme="majorBidi"/>
          <w:sz w:val="18"/>
          <w:szCs w:val="18"/>
        </w:rPr>
        <w:t>Ahmed, B.A., Mohammed, J.S., Fadhil, R.N., ...Shaban, A.H., Al Dulaimi, A.H., The dependence of the energy density states on the substitution of chemical elements in the Se6 Te4-xSbx thin film, Chalcogenide Letters, 2022, 19(4), pp. 301–308.</w:t>
      </w:r>
    </w:p>
    <w:p w14:paraId="1885A15A" w14:textId="57D50073"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B.A. Hasan, “SnO₂ doped In₂O₃ thin films as reducing gas sensors,” IOP Conf. Ser.: Mater. Sci. Eng. 928, 072011 (2020). </w:t>
      </w:r>
      <w:hyperlink r:id="rId31" w:history="1">
        <w:r w:rsidR="006D433C" w:rsidRPr="00B50831">
          <w:rPr>
            <w:rStyle w:val="Hyperlink"/>
            <w:rFonts w:asciiTheme="majorBidi" w:hAnsiTheme="majorBidi" w:cstheme="majorBidi"/>
            <w:color w:val="auto"/>
            <w:sz w:val="18"/>
            <w:szCs w:val="18"/>
            <w:u w:val="none"/>
          </w:rPr>
          <w:t>https://doi.org/10.1088/1757-899X/928/7/072011</w:t>
        </w:r>
      </w:hyperlink>
      <w:r w:rsidR="006D433C" w:rsidRPr="00B50831">
        <w:rPr>
          <w:rFonts w:asciiTheme="majorBidi" w:hAnsiTheme="majorBidi" w:cstheme="majorBidi"/>
          <w:sz w:val="18"/>
          <w:szCs w:val="18"/>
        </w:rPr>
        <w:t xml:space="preserve"> </w:t>
      </w:r>
    </w:p>
    <w:p w14:paraId="6ECA47C2" w14:textId="273A240D" w:rsidR="002B3712" w:rsidRPr="00B50831" w:rsidRDefault="002B3712"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Bagga, S., Akhtar, J., &amp; Mishra, S. (2020). Ammonia gas sensing with tin oxide thin film sensor and coplanar microheater. AIP Conference Proceedings, 2294, 020004. </w:t>
      </w:r>
      <w:hyperlink r:id="rId32" w:history="1">
        <w:r w:rsidR="005D6236" w:rsidRPr="00B50831">
          <w:rPr>
            <w:rStyle w:val="Hyperlink"/>
            <w:rFonts w:asciiTheme="majorBidi" w:hAnsiTheme="majorBidi" w:cstheme="majorBidi"/>
            <w:color w:val="auto"/>
            <w:sz w:val="18"/>
            <w:szCs w:val="18"/>
            <w:u w:val="none"/>
          </w:rPr>
          <w:t>https://doi.org/10.1063/5.0031525</w:t>
        </w:r>
      </w:hyperlink>
      <w:r w:rsidR="005D6236" w:rsidRPr="00B50831">
        <w:rPr>
          <w:rFonts w:asciiTheme="majorBidi" w:hAnsiTheme="majorBidi" w:cstheme="majorBidi"/>
          <w:sz w:val="18"/>
          <w:szCs w:val="18"/>
        </w:rPr>
        <w:t xml:space="preserve"> </w:t>
      </w:r>
    </w:p>
    <w:p w14:paraId="0FB31EA9" w14:textId="4091C899"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S.H. Salman, N.A. Hassan and G.S. Ahmed, “Copper telluride thin films for gas sensing applications,” Chalcogenide Lett. 19, 125–130 (2022).</w:t>
      </w:r>
      <w:r w:rsidR="007974DA" w:rsidRPr="00B50831">
        <w:rPr>
          <w:rFonts w:asciiTheme="majorBidi" w:hAnsiTheme="majorBidi" w:cstheme="majorBidi"/>
          <w:sz w:val="18"/>
          <w:szCs w:val="18"/>
          <w:shd w:val="clear" w:color="auto" w:fill="F7F7ED"/>
        </w:rPr>
        <w:t xml:space="preserve"> </w:t>
      </w:r>
      <w:hyperlink r:id="rId33" w:history="1">
        <w:r w:rsidR="007974DA" w:rsidRPr="00B50831">
          <w:rPr>
            <w:rStyle w:val="Hyperlink"/>
            <w:rFonts w:asciiTheme="majorBidi" w:hAnsiTheme="majorBidi" w:cstheme="majorBidi"/>
            <w:color w:val="auto"/>
            <w:sz w:val="18"/>
            <w:szCs w:val="18"/>
            <w:u w:val="none"/>
          </w:rPr>
          <w:t>https://doi.org/10.15251/cl.2022.192.125</w:t>
        </w:r>
      </w:hyperlink>
      <w:r w:rsidR="007974DA" w:rsidRPr="00B50831">
        <w:rPr>
          <w:rFonts w:asciiTheme="majorBidi" w:hAnsiTheme="majorBidi" w:cstheme="majorBidi"/>
          <w:sz w:val="18"/>
          <w:szCs w:val="18"/>
        </w:rPr>
        <w:t xml:space="preserve"> </w:t>
      </w:r>
    </w:p>
    <w:p w14:paraId="73D9B67D" w14:textId="77777777" w:rsidR="00914BF7" w:rsidRDefault="00914BF7"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914BF7">
        <w:rPr>
          <w:rFonts w:asciiTheme="majorBidi" w:hAnsiTheme="majorBidi" w:cstheme="majorBidi"/>
          <w:sz w:val="18"/>
          <w:szCs w:val="18"/>
        </w:rPr>
        <w:t>K. Al Abdullah, F. Al Alloush, M. J. Termanini, and C. Salame, “Low frequency and low temperature behavior of Si solar cell by AC impedance measurements,” Energy Procedia 19, 183–191 (2012).</w:t>
      </w:r>
    </w:p>
    <w:p w14:paraId="075DA6A2" w14:textId="728BAF87"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D. Hadi, H. Hadi and S.H. Salman, “Effect of annealing on the physical characteristics of In₂O₃ nanoparticle films,” Ann. Chim. Sci. Matér. 49, 315–320 (2025). </w:t>
      </w:r>
      <w:hyperlink r:id="rId34" w:history="1">
        <w:r w:rsidR="006D433C" w:rsidRPr="00B50831">
          <w:rPr>
            <w:rStyle w:val="Hyperlink"/>
            <w:rFonts w:asciiTheme="majorBidi" w:hAnsiTheme="majorBidi" w:cstheme="majorBidi"/>
            <w:color w:val="auto"/>
            <w:sz w:val="18"/>
            <w:szCs w:val="18"/>
            <w:u w:val="none"/>
          </w:rPr>
          <w:t>https://doi.org/10.18280/acsm.490311</w:t>
        </w:r>
      </w:hyperlink>
      <w:r w:rsidR="006D433C" w:rsidRPr="00B50831">
        <w:rPr>
          <w:rFonts w:asciiTheme="majorBidi" w:hAnsiTheme="majorBidi" w:cstheme="majorBidi"/>
          <w:sz w:val="18"/>
          <w:szCs w:val="18"/>
        </w:rPr>
        <w:t xml:space="preserve"> </w:t>
      </w:r>
    </w:p>
    <w:p w14:paraId="3A5AB475" w14:textId="325BEE9F"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A.H.A. Alrazak, S.H. Salman, I.A. Abbas, M.H. Mustafa, H.M. Ali and S.A. Abbas, “Influence of doping with silver nanoparticles on the molybdenum trioxide gas sensor prepared by spray pyrolysis,” Digest J. </w:t>
      </w:r>
      <w:r w:rsidR="00991F99" w:rsidRPr="00B50831">
        <w:rPr>
          <w:rFonts w:asciiTheme="majorBidi" w:hAnsiTheme="majorBidi" w:cstheme="majorBidi"/>
          <w:sz w:val="18"/>
          <w:szCs w:val="18"/>
        </w:rPr>
        <w:t>Nanometer</w:t>
      </w:r>
      <w:r w:rsidRPr="00B50831">
        <w:rPr>
          <w:rFonts w:asciiTheme="majorBidi" w:hAnsiTheme="majorBidi" w:cstheme="majorBidi"/>
          <w:sz w:val="18"/>
          <w:szCs w:val="18"/>
        </w:rPr>
        <w:t>. Biostructures 20, 191–199 (2025).</w:t>
      </w:r>
      <w:r w:rsidR="007608BA" w:rsidRPr="00B50831">
        <w:rPr>
          <w:rFonts w:asciiTheme="majorBidi" w:hAnsiTheme="majorBidi" w:cstheme="majorBidi"/>
          <w:sz w:val="18"/>
          <w:szCs w:val="18"/>
          <w:shd w:val="clear" w:color="auto" w:fill="F7F7ED"/>
        </w:rPr>
        <w:t xml:space="preserve"> </w:t>
      </w:r>
      <w:hyperlink r:id="rId35" w:history="1">
        <w:r w:rsidR="007608BA" w:rsidRPr="00B50831">
          <w:rPr>
            <w:rStyle w:val="Hyperlink"/>
            <w:rFonts w:asciiTheme="majorBidi" w:hAnsiTheme="majorBidi" w:cstheme="majorBidi"/>
            <w:color w:val="auto"/>
            <w:sz w:val="18"/>
            <w:szCs w:val="18"/>
            <w:u w:val="none"/>
          </w:rPr>
          <w:t>https://doi.org/10.15251/djnb.2025.201.191</w:t>
        </w:r>
      </w:hyperlink>
      <w:r w:rsidR="00272A99" w:rsidRPr="00B50831">
        <w:rPr>
          <w:rFonts w:asciiTheme="majorBidi" w:hAnsiTheme="majorBidi" w:cstheme="majorBidi"/>
          <w:sz w:val="18"/>
          <w:szCs w:val="18"/>
        </w:rPr>
        <w:t xml:space="preserve"> </w:t>
      </w:r>
      <w:r w:rsidR="007608BA" w:rsidRPr="00B50831">
        <w:rPr>
          <w:rFonts w:asciiTheme="majorBidi" w:hAnsiTheme="majorBidi" w:cstheme="majorBidi"/>
          <w:sz w:val="18"/>
          <w:szCs w:val="18"/>
        </w:rPr>
        <w:t xml:space="preserve"> </w:t>
      </w:r>
    </w:p>
    <w:p w14:paraId="3BD7731D" w14:textId="0855DF73" w:rsidR="00D67A91" w:rsidRPr="00B50831" w:rsidRDefault="00D67A91" w:rsidP="00B50831">
      <w:pPr>
        <w:pStyle w:val="ListParagraph"/>
        <w:numPr>
          <w:ilvl w:val="0"/>
          <w:numId w:val="5"/>
        </w:numPr>
        <w:tabs>
          <w:tab w:val="left" w:pos="90"/>
        </w:tabs>
        <w:spacing w:after="0"/>
        <w:ind w:left="450" w:hanging="426"/>
        <w:rPr>
          <w:rFonts w:asciiTheme="majorBidi" w:hAnsiTheme="majorBidi" w:cstheme="majorBidi"/>
          <w:sz w:val="18"/>
          <w:szCs w:val="18"/>
        </w:rPr>
      </w:pPr>
      <w:r w:rsidRPr="00B50831">
        <w:rPr>
          <w:rFonts w:asciiTheme="majorBidi" w:hAnsiTheme="majorBidi" w:cstheme="majorBidi"/>
          <w:sz w:val="18"/>
          <w:szCs w:val="18"/>
        </w:rPr>
        <w:t xml:space="preserve">S. H. Salman, S. M. Ali, and G. S. Ahmed, “Study the Effect of Annealing on Structural and Optical Properties of Indium Selenide (InSe) Thin Films Prepared by Vacuum Thermal Evaporation Technique,” J. Phys.: Conf. Ser. 1879, 032058 (2021). </w:t>
      </w:r>
      <w:hyperlink r:id="rId36" w:history="1">
        <w:r w:rsidR="009943DF" w:rsidRPr="00B50831">
          <w:rPr>
            <w:rStyle w:val="Hyperlink"/>
            <w:rFonts w:asciiTheme="majorBidi" w:hAnsiTheme="majorBidi" w:cstheme="majorBidi"/>
            <w:color w:val="auto"/>
            <w:sz w:val="18"/>
            <w:szCs w:val="18"/>
            <w:u w:val="none"/>
          </w:rPr>
          <w:t>https://doi.org/10.1088/1742-6596/1879/3/032058</w:t>
        </w:r>
      </w:hyperlink>
      <w:r w:rsidR="009943DF" w:rsidRPr="00B50831">
        <w:rPr>
          <w:rFonts w:asciiTheme="majorBidi" w:hAnsiTheme="majorBidi" w:cstheme="majorBidi"/>
          <w:sz w:val="18"/>
          <w:szCs w:val="18"/>
        </w:rPr>
        <w:t xml:space="preserve"> </w:t>
      </w:r>
      <w:r w:rsidRPr="00B50831">
        <w:rPr>
          <w:rFonts w:asciiTheme="majorBidi" w:hAnsiTheme="majorBidi" w:cstheme="majorBidi"/>
          <w:sz w:val="18"/>
          <w:szCs w:val="18"/>
        </w:rPr>
        <w:t xml:space="preserve"> </w:t>
      </w:r>
      <w:r w:rsidR="009943DF" w:rsidRPr="00B50831">
        <w:rPr>
          <w:rFonts w:asciiTheme="majorBidi" w:hAnsiTheme="majorBidi" w:cstheme="majorBidi"/>
          <w:sz w:val="18"/>
          <w:szCs w:val="18"/>
        </w:rPr>
        <w:t xml:space="preserve"> </w:t>
      </w:r>
    </w:p>
    <w:p w14:paraId="091BEE8E" w14:textId="037D2A40" w:rsidR="0053597E" w:rsidRPr="00B50831" w:rsidRDefault="00D67A91"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 </w:t>
      </w:r>
      <w:r w:rsidR="0053597E" w:rsidRPr="00B50831">
        <w:rPr>
          <w:rFonts w:asciiTheme="majorBidi" w:hAnsiTheme="majorBidi" w:cstheme="majorBidi"/>
          <w:sz w:val="18"/>
          <w:szCs w:val="18"/>
        </w:rPr>
        <w:t>S.H. Salman, S.S. Jahil, N.A. Hassan, S.A. Abbas and K.A. Jasim, “Ammonia gas sensing using porous silicon,” J. Phys.: Conf. Ser. 2857, 012051 (2024).</w:t>
      </w:r>
      <w:r w:rsidR="00E941B6" w:rsidRPr="00B50831">
        <w:rPr>
          <w:rFonts w:asciiTheme="majorBidi" w:hAnsiTheme="majorBidi" w:cstheme="majorBidi"/>
          <w:sz w:val="18"/>
          <w:szCs w:val="18"/>
          <w:shd w:val="clear" w:color="auto" w:fill="F7F7ED"/>
        </w:rPr>
        <w:t xml:space="preserve"> </w:t>
      </w:r>
      <w:hyperlink r:id="rId37" w:history="1">
        <w:r w:rsidR="00E941B6" w:rsidRPr="00B50831">
          <w:rPr>
            <w:rStyle w:val="Hyperlink"/>
            <w:rFonts w:asciiTheme="majorBidi" w:hAnsiTheme="majorBidi" w:cstheme="majorBidi"/>
            <w:color w:val="auto"/>
            <w:sz w:val="18"/>
            <w:szCs w:val="18"/>
            <w:u w:val="none"/>
          </w:rPr>
          <w:t>https://doi.org/10.1088/1742-6596/2857/1/012051</w:t>
        </w:r>
      </w:hyperlink>
      <w:r w:rsidR="00E941B6" w:rsidRPr="00B50831">
        <w:rPr>
          <w:rFonts w:asciiTheme="majorBidi" w:hAnsiTheme="majorBidi" w:cstheme="majorBidi"/>
          <w:sz w:val="18"/>
          <w:szCs w:val="18"/>
        </w:rPr>
        <w:t xml:space="preserve"> </w:t>
      </w:r>
    </w:p>
    <w:p w14:paraId="11944729" w14:textId="374F64E7" w:rsidR="00E207A5" w:rsidRPr="00B50831" w:rsidRDefault="00E207A5"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Al Hilli, B., Abood, Z. A., </w:t>
      </w:r>
      <w:r w:rsidR="00F225D4" w:rsidRPr="00B50831">
        <w:rPr>
          <w:rFonts w:asciiTheme="majorBidi" w:hAnsiTheme="majorBidi" w:cstheme="majorBidi"/>
          <w:sz w:val="18"/>
          <w:szCs w:val="18"/>
        </w:rPr>
        <w:t>and</w:t>
      </w:r>
      <w:r w:rsidRPr="00B50831">
        <w:rPr>
          <w:rFonts w:asciiTheme="majorBidi" w:hAnsiTheme="majorBidi" w:cstheme="majorBidi"/>
          <w:sz w:val="18"/>
          <w:szCs w:val="18"/>
        </w:rPr>
        <w:t xml:space="preserve"> Mehdi, M. S. </w:t>
      </w:r>
      <w:r w:rsidR="00597E85" w:rsidRPr="00B50831">
        <w:rPr>
          <w:rFonts w:asciiTheme="majorBidi" w:hAnsiTheme="majorBidi" w:cstheme="majorBidi"/>
          <w:sz w:val="18"/>
          <w:szCs w:val="18"/>
        </w:rPr>
        <w:t>“</w:t>
      </w:r>
      <w:r w:rsidRPr="00B50831">
        <w:rPr>
          <w:rFonts w:asciiTheme="majorBidi" w:hAnsiTheme="majorBidi" w:cstheme="majorBidi"/>
          <w:sz w:val="18"/>
          <w:szCs w:val="18"/>
        </w:rPr>
        <w:t>The effect of substrate nature on the properties of tin sulfide Nanostructured films prepared by chemical bath deposition</w:t>
      </w:r>
      <w:r w:rsidR="00597E85" w:rsidRPr="00B50831">
        <w:rPr>
          <w:rFonts w:asciiTheme="majorBidi" w:hAnsiTheme="majorBidi" w:cstheme="majorBidi"/>
          <w:sz w:val="18"/>
          <w:szCs w:val="18"/>
        </w:rPr>
        <w:t>”</w:t>
      </w:r>
      <w:r w:rsidRPr="00B50831">
        <w:rPr>
          <w:rFonts w:asciiTheme="majorBidi" w:hAnsiTheme="majorBidi" w:cstheme="majorBidi"/>
          <w:sz w:val="18"/>
          <w:szCs w:val="18"/>
        </w:rPr>
        <w:t xml:space="preserve">. Ibn AL-Haitham Journal </w:t>
      </w:r>
      <w:r w:rsidR="00991F99" w:rsidRPr="00B50831">
        <w:rPr>
          <w:rFonts w:asciiTheme="majorBidi" w:hAnsiTheme="majorBidi" w:cstheme="majorBidi"/>
          <w:sz w:val="18"/>
          <w:szCs w:val="18"/>
        </w:rPr>
        <w:t>for</w:t>
      </w:r>
      <w:r w:rsidRPr="00B50831">
        <w:rPr>
          <w:rFonts w:asciiTheme="majorBidi" w:hAnsiTheme="majorBidi" w:cstheme="majorBidi"/>
          <w:sz w:val="18"/>
          <w:szCs w:val="18"/>
        </w:rPr>
        <w:t xml:space="preserve"> Pure and Applied Sciences, 36(3), 85-90.</w:t>
      </w:r>
      <w:r w:rsidR="00597E85" w:rsidRPr="00B50831">
        <w:rPr>
          <w:rFonts w:asciiTheme="majorBidi" w:hAnsiTheme="majorBidi" w:cstheme="majorBidi"/>
          <w:sz w:val="18"/>
          <w:szCs w:val="18"/>
        </w:rPr>
        <w:t xml:space="preserve"> (2023). </w:t>
      </w:r>
      <w:r w:rsidRPr="00B50831">
        <w:rPr>
          <w:rFonts w:asciiTheme="majorBidi" w:hAnsiTheme="majorBidi" w:cstheme="majorBidi"/>
          <w:sz w:val="18"/>
          <w:szCs w:val="18"/>
        </w:rPr>
        <w:t xml:space="preserve"> </w:t>
      </w:r>
      <w:hyperlink r:id="rId38" w:history="1">
        <w:r w:rsidRPr="00B50831">
          <w:rPr>
            <w:rStyle w:val="Hyperlink"/>
            <w:rFonts w:asciiTheme="majorBidi" w:hAnsiTheme="majorBidi" w:cstheme="majorBidi"/>
            <w:color w:val="auto"/>
            <w:sz w:val="18"/>
            <w:szCs w:val="18"/>
            <w:u w:val="none"/>
          </w:rPr>
          <w:t>https://doi.org/10.30526/36.3.3020</w:t>
        </w:r>
      </w:hyperlink>
      <w:r w:rsidRPr="00B50831">
        <w:rPr>
          <w:rFonts w:asciiTheme="majorBidi" w:hAnsiTheme="majorBidi" w:cstheme="majorBidi"/>
          <w:sz w:val="18"/>
          <w:szCs w:val="18"/>
        </w:rPr>
        <w:t xml:space="preserve"> </w:t>
      </w:r>
    </w:p>
    <w:p w14:paraId="00D96DFB" w14:textId="453CEEEC" w:rsidR="00696746" w:rsidRPr="00B50831" w:rsidRDefault="00696746"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Shatha F. Abbas, Hiba M. Ali,” Improving the properties of NiO films by doping with copper nanoparticles</w:t>
      </w:r>
      <w:r w:rsidR="00FB3F79" w:rsidRPr="00B50831">
        <w:rPr>
          <w:rFonts w:asciiTheme="majorBidi" w:hAnsiTheme="majorBidi" w:cstheme="majorBidi"/>
          <w:sz w:val="18"/>
          <w:szCs w:val="18"/>
        </w:rPr>
        <w:t>’, Journal of Physics: Conference Series 3028 (2025) 012044</w:t>
      </w:r>
      <w:r w:rsidR="00CA318D" w:rsidRPr="00B50831">
        <w:rPr>
          <w:rFonts w:asciiTheme="majorBidi" w:hAnsiTheme="majorBidi" w:cstheme="majorBidi"/>
          <w:sz w:val="18"/>
          <w:szCs w:val="18"/>
        </w:rPr>
        <w:t>,</w:t>
      </w:r>
      <w:r w:rsidR="00F225D4" w:rsidRPr="00B50831">
        <w:rPr>
          <w:rFonts w:asciiTheme="majorBidi" w:hAnsiTheme="majorBidi" w:cstheme="majorBidi"/>
          <w:sz w:val="18"/>
          <w:szCs w:val="18"/>
          <w:shd w:val="clear" w:color="auto" w:fill="F7F7ED"/>
        </w:rPr>
        <w:t xml:space="preserve"> </w:t>
      </w:r>
      <w:r w:rsidR="00F225D4" w:rsidRPr="00B50831">
        <w:rPr>
          <w:rFonts w:asciiTheme="majorBidi" w:hAnsiTheme="majorBidi" w:cstheme="majorBidi"/>
          <w:sz w:val="18"/>
          <w:szCs w:val="18"/>
        </w:rPr>
        <w:t> </w:t>
      </w:r>
      <w:hyperlink r:id="rId39" w:history="1">
        <w:r w:rsidR="00F225D4" w:rsidRPr="00B50831">
          <w:rPr>
            <w:rStyle w:val="Hyperlink"/>
            <w:rFonts w:asciiTheme="majorBidi" w:hAnsiTheme="majorBidi" w:cstheme="majorBidi"/>
            <w:color w:val="auto"/>
            <w:sz w:val="18"/>
            <w:szCs w:val="18"/>
            <w:u w:val="none"/>
          </w:rPr>
          <w:t>https://doi.org/10.1088/1742-6596/3028/1/012044</w:t>
        </w:r>
      </w:hyperlink>
      <w:r w:rsidR="00F225D4" w:rsidRPr="00B50831">
        <w:rPr>
          <w:rFonts w:asciiTheme="majorBidi" w:hAnsiTheme="majorBidi" w:cstheme="majorBidi"/>
          <w:sz w:val="18"/>
          <w:szCs w:val="18"/>
        </w:rPr>
        <w:t xml:space="preserve"> </w:t>
      </w:r>
      <w:r w:rsidR="00CA318D" w:rsidRPr="00B50831">
        <w:rPr>
          <w:rFonts w:asciiTheme="majorBidi" w:hAnsiTheme="majorBidi" w:cstheme="majorBidi"/>
          <w:sz w:val="18"/>
          <w:szCs w:val="18"/>
        </w:rPr>
        <w:t xml:space="preserve"> </w:t>
      </w:r>
      <w:r w:rsidR="00FB3F79" w:rsidRPr="00B50831">
        <w:rPr>
          <w:rFonts w:asciiTheme="majorBidi" w:hAnsiTheme="majorBidi" w:cstheme="majorBidi"/>
          <w:sz w:val="18"/>
          <w:szCs w:val="18"/>
        </w:rPr>
        <w:t xml:space="preserve"> </w:t>
      </w:r>
    </w:p>
    <w:p w14:paraId="731309DF" w14:textId="16005BA2" w:rsidR="0053597E" w:rsidRPr="00B50831" w:rsidRDefault="0053597E" w:rsidP="00B50831">
      <w:pPr>
        <w:pStyle w:val="ListParagraph"/>
        <w:numPr>
          <w:ilvl w:val="0"/>
          <w:numId w:val="5"/>
        </w:numPr>
        <w:tabs>
          <w:tab w:val="left" w:pos="90"/>
        </w:tabs>
        <w:spacing w:after="0" w:line="240" w:lineRule="auto"/>
        <w:ind w:left="450" w:hanging="426"/>
        <w:rPr>
          <w:rStyle w:val="Hyperlink"/>
          <w:rFonts w:asciiTheme="majorBidi" w:hAnsiTheme="majorBidi" w:cstheme="majorBidi"/>
          <w:color w:val="auto"/>
          <w:sz w:val="18"/>
          <w:szCs w:val="18"/>
          <w:u w:val="none"/>
        </w:rPr>
      </w:pPr>
      <w:r w:rsidRPr="00B50831">
        <w:rPr>
          <w:rFonts w:asciiTheme="majorBidi" w:hAnsiTheme="majorBidi" w:cstheme="majorBidi"/>
          <w:sz w:val="18"/>
          <w:szCs w:val="18"/>
        </w:rPr>
        <w:t>N.A. Hassan and I.H. Khudayer, “Thickness effect of CuAlTe₂ thin films on morphological, structural and visual properties,” Ibn Al-Haitham J. Pure Appl. Sci. 33, 3 (2020).</w:t>
      </w:r>
      <w:r w:rsidR="009B6BD0" w:rsidRPr="00B50831">
        <w:rPr>
          <w:rFonts w:asciiTheme="majorBidi" w:hAnsiTheme="majorBidi" w:cstheme="majorBidi"/>
          <w:sz w:val="18"/>
          <w:szCs w:val="18"/>
          <w:shd w:val="clear" w:color="auto" w:fill="F7F7ED"/>
        </w:rPr>
        <w:t xml:space="preserve"> </w:t>
      </w:r>
      <w:hyperlink r:id="rId40" w:history="1">
        <w:r w:rsidR="009B6BD0" w:rsidRPr="00B50831">
          <w:rPr>
            <w:rStyle w:val="Hyperlink"/>
            <w:rFonts w:asciiTheme="majorBidi" w:hAnsiTheme="majorBidi" w:cstheme="majorBidi"/>
            <w:color w:val="auto"/>
            <w:sz w:val="18"/>
            <w:szCs w:val="18"/>
            <w:u w:val="none"/>
          </w:rPr>
          <w:t>https://doi.org/10.30526/33.3.2471</w:t>
        </w:r>
      </w:hyperlink>
    </w:p>
    <w:p w14:paraId="472B2FE6" w14:textId="1A500166" w:rsidR="006C46B0" w:rsidRPr="00B50831" w:rsidRDefault="006C46B0" w:rsidP="00B50831">
      <w:pPr>
        <w:pStyle w:val="ListParagraph"/>
        <w:numPr>
          <w:ilvl w:val="0"/>
          <w:numId w:val="5"/>
        </w:numPr>
        <w:tabs>
          <w:tab w:val="left" w:pos="90"/>
        </w:tabs>
        <w:spacing w:after="0"/>
        <w:ind w:left="450" w:hanging="426"/>
        <w:rPr>
          <w:rFonts w:asciiTheme="majorBidi" w:hAnsiTheme="majorBidi" w:cstheme="majorBidi"/>
          <w:sz w:val="18"/>
          <w:szCs w:val="18"/>
        </w:rPr>
      </w:pPr>
      <w:r w:rsidRPr="00B50831">
        <w:rPr>
          <w:rFonts w:asciiTheme="majorBidi" w:hAnsiTheme="majorBidi" w:cstheme="majorBidi"/>
          <w:sz w:val="18"/>
          <w:szCs w:val="18"/>
        </w:rPr>
        <w:t>S. H. Salman, A. A. Shihab, and A. H. K. Elttayef, “Studying the Effect of the Type of Substrate on the Structural, Morphology and Optical Properties of TiO₂ Thin Films Prepared by RF Magnetron Sputtering,” Energy Procedia 157, 199–207 (2019).</w:t>
      </w:r>
      <w:r w:rsidR="00FA2864" w:rsidRPr="00B50831">
        <w:rPr>
          <w:rFonts w:asciiTheme="majorBidi" w:hAnsiTheme="majorBidi" w:cstheme="majorBidi"/>
          <w:sz w:val="18"/>
          <w:szCs w:val="18"/>
          <w:shd w:val="clear" w:color="auto" w:fill="F7F7ED"/>
        </w:rPr>
        <w:t xml:space="preserve"> </w:t>
      </w:r>
      <w:hyperlink r:id="rId41" w:history="1">
        <w:r w:rsidR="00FA2864" w:rsidRPr="00B50831">
          <w:rPr>
            <w:rStyle w:val="Hyperlink"/>
            <w:rFonts w:asciiTheme="majorBidi" w:hAnsiTheme="majorBidi" w:cstheme="majorBidi"/>
            <w:color w:val="auto"/>
            <w:sz w:val="18"/>
            <w:szCs w:val="18"/>
            <w:u w:val="none"/>
          </w:rPr>
          <w:t>https://doi.org/10.1016/j.egypro.2018.11.181</w:t>
        </w:r>
      </w:hyperlink>
      <w:r w:rsidR="00FA2864" w:rsidRPr="00B50831">
        <w:rPr>
          <w:rFonts w:asciiTheme="majorBidi" w:hAnsiTheme="majorBidi" w:cstheme="majorBidi"/>
          <w:sz w:val="18"/>
          <w:szCs w:val="18"/>
        </w:rPr>
        <w:t xml:space="preserve"> </w:t>
      </w:r>
    </w:p>
    <w:p w14:paraId="7B48D84C" w14:textId="5127DE25"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N.A. Hassan, Z.N. Jaf, S.H. Salman, I.H. Khudayer, H. Ibrahem and H.A. Miran, “Influence of In-dopant on the optoelectronic properties of thermal evaporated CuAlTe₂ films,” Solid State Commun. 371, 115260 (2023).</w:t>
      </w:r>
      <w:r w:rsidR="005F635E" w:rsidRPr="00B50831">
        <w:rPr>
          <w:rFonts w:asciiTheme="majorBidi" w:hAnsiTheme="majorBidi" w:cstheme="majorBidi"/>
          <w:sz w:val="18"/>
          <w:szCs w:val="18"/>
        </w:rPr>
        <w:t> </w:t>
      </w:r>
      <w:hyperlink r:id="rId42" w:history="1">
        <w:r w:rsidR="005F635E" w:rsidRPr="00B50831">
          <w:rPr>
            <w:rStyle w:val="Hyperlink"/>
            <w:rFonts w:asciiTheme="majorBidi" w:hAnsiTheme="majorBidi" w:cstheme="majorBidi"/>
            <w:color w:val="auto"/>
            <w:sz w:val="18"/>
            <w:szCs w:val="18"/>
            <w:u w:val="none"/>
          </w:rPr>
          <w:t>https://doi.org/10.1016/j.ssc.2023.115260</w:t>
        </w:r>
      </w:hyperlink>
    </w:p>
    <w:p w14:paraId="4AF9880A" w14:textId="3023CEEC"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t xml:space="preserve">I.A. Abbas and S.Q. Hazaa, S.H. Salman, “Employment of titanium dioxide thin film on NO₂ gas sensing,” J. Phys.: Conf. Ser. 1879, 032061 (2021). </w:t>
      </w:r>
      <w:hyperlink r:id="rId43" w:history="1">
        <w:r w:rsidR="006D433C" w:rsidRPr="00B50831">
          <w:rPr>
            <w:rStyle w:val="Hyperlink"/>
            <w:rFonts w:asciiTheme="majorBidi" w:hAnsiTheme="majorBidi" w:cstheme="majorBidi"/>
            <w:color w:val="auto"/>
            <w:sz w:val="18"/>
            <w:szCs w:val="18"/>
            <w:u w:val="none"/>
          </w:rPr>
          <w:t>https://doi.org/10.1088/1742-6596/1879/3/032061</w:t>
        </w:r>
      </w:hyperlink>
      <w:r w:rsidR="006D433C" w:rsidRPr="00B50831">
        <w:rPr>
          <w:rFonts w:asciiTheme="majorBidi" w:hAnsiTheme="majorBidi" w:cstheme="majorBidi"/>
          <w:sz w:val="18"/>
          <w:szCs w:val="18"/>
        </w:rPr>
        <w:t xml:space="preserve"> </w:t>
      </w:r>
    </w:p>
    <w:p w14:paraId="205AAB12" w14:textId="23E1B7B3" w:rsidR="0053597E" w:rsidRPr="00B50831" w:rsidRDefault="0053597E" w:rsidP="00B50831">
      <w:pPr>
        <w:pStyle w:val="ListParagraph"/>
        <w:numPr>
          <w:ilvl w:val="0"/>
          <w:numId w:val="5"/>
        </w:numPr>
        <w:tabs>
          <w:tab w:val="left" w:pos="90"/>
        </w:tabs>
        <w:spacing w:after="0" w:line="240" w:lineRule="auto"/>
        <w:ind w:left="450" w:hanging="426"/>
        <w:rPr>
          <w:rFonts w:asciiTheme="majorBidi" w:hAnsiTheme="majorBidi" w:cstheme="majorBidi"/>
          <w:sz w:val="18"/>
          <w:szCs w:val="18"/>
        </w:rPr>
      </w:pPr>
      <w:r w:rsidRPr="00B50831">
        <w:rPr>
          <w:rFonts w:asciiTheme="majorBidi" w:hAnsiTheme="majorBidi" w:cstheme="majorBidi"/>
          <w:sz w:val="18"/>
          <w:szCs w:val="18"/>
        </w:rPr>
        <w:lastRenderedPageBreak/>
        <w:t xml:space="preserve">M.H. Faisal and S.H. Salman, “Effect of oxidation times on gas sensitivity and characterization for In₂O₃ thin films produced by thermal evaporation,” J. Phys.: Conf. Ser. 2857, 012010 (2024). </w:t>
      </w:r>
      <w:hyperlink r:id="rId44" w:history="1">
        <w:r w:rsidR="006D433C" w:rsidRPr="00B50831">
          <w:rPr>
            <w:rStyle w:val="Hyperlink"/>
            <w:rFonts w:asciiTheme="majorBidi" w:hAnsiTheme="majorBidi" w:cstheme="majorBidi"/>
            <w:color w:val="auto"/>
            <w:sz w:val="18"/>
            <w:szCs w:val="18"/>
            <w:u w:val="none"/>
          </w:rPr>
          <w:t>https://doi.org/10.1088/1742-6596/2857/1/012010</w:t>
        </w:r>
      </w:hyperlink>
      <w:r w:rsidR="006D433C" w:rsidRPr="00B50831">
        <w:rPr>
          <w:rFonts w:asciiTheme="majorBidi" w:hAnsiTheme="majorBidi" w:cstheme="majorBidi"/>
          <w:sz w:val="18"/>
          <w:szCs w:val="18"/>
        </w:rPr>
        <w:t xml:space="preserve"> </w:t>
      </w:r>
    </w:p>
    <w:p w14:paraId="275803AF" w14:textId="3F9C94CC" w:rsidR="00D56E52" w:rsidRPr="00B50831" w:rsidRDefault="0053597E" w:rsidP="00B50831">
      <w:pPr>
        <w:pStyle w:val="ListParagraph"/>
        <w:numPr>
          <w:ilvl w:val="0"/>
          <w:numId w:val="5"/>
        </w:numPr>
        <w:tabs>
          <w:tab w:val="left" w:pos="90"/>
        </w:tabs>
        <w:spacing w:after="0" w:line="240" w:lineRule="auto"/>
        <w:ind w:left="450" w:hanging="426"/>
        <w:rPr>
          <w:rStyle w:val="Hyperlink"/>
          <w:rFonts w:asciiTheme="majorBidi" w:hAnsiTheme="majorBidi" w:cstheme="majorBidi"/>
          <w:color w:val="auto"/>
          <w:sz w:val="18"/>
          <w:szCs w:val="18"/>
          <w:u w:val="none"/>
          <w:lang w:bidi="ar-IQ"/>
        </w:rPr>
      </w:pPr>
      <w:r w:rsidRPr="00B50831">
        <w:rPr>
          <w:rFonts w:asciiTheme="majorBidi" w:hAnsiTheme="majorBidi" w:cstheme="majorBidi"/>
          <w:sz w:val="18"/>
          <w:szCs w:val="18"/>
        </w:rPr>
        <w:t>S.H. Salman, A.A. Shihab and A.-H.Kh. Elttayef, “Design and construction of nanostructure TiO₂ thin film gas sensor prepared by RF magnetron sputtering technique,” Energy Procedia 157, 283–289 (2019).</w:t>
      </w:r>
      <w:r w:rsidR="00D941C8" w:rsidRPr="00B50831">
        <w:rPr>
          <w:rFonts w:asciiTheme="majorBidi" w:eastAsiaTheme="minorEastAsia" w:hAnsiTheme="majorBidi" w:cstheme="majorBidi"/>
          <w:sz w:val="18"/>
          <w:szCs w:val="18"/>
        </w:rPr>
        <w:t xml:space="preserve"> </w:t>
      </w:r>
      <w:hyperlink r:id="rId45" w:history="1">
        <w:r w:rsidR="00D941C8" w:rsidRPr="00B50831">
          <w:rPr>
            <w:rStyle w:val="Hyperlink"/>
            <w:rFonts w:asciiTheme="majorBidi" w:hAnsiTheme="majorBidi" w:cstheme="majorBidi"/>
            <w:color w:val="auto"/>
            <w:sz w:val="18"/>
            <w:szCs w:val="18"/>
            <w:u w:val="none"/>
          </w:rPr>
          <w:t>https://doi.org/10.1016/j.egypro.2018.11.192</w:t>
        </w:r>
      </w:hyperlink>
    </w:p>
    <w:p w14:paraId="5EA32B00" w14:textId="3942D5CE" w:rsidR="00F54041" w:rsidRPr="00DE168E" w:rsidRDefault="000106EB" w:rsidP="00DE168E">
      <w:pPr>
        <w:pStyle w:val="ListParagraph"/>
        <w:numPr>
          <w:ilvl w:val="0"/>
          <w:numId w:val="5"/>
        </w:numPr>
        <w:tabs>
          <w:tab w:val="left" w:pos="90"/>
        </w:tabs>
        <w:spacing w:after="0" w:line="240" w:lineRule="auto"/>
        <w:ind w:left="450" w:hanging="426"/>
        <w:rPr>
          <w:rFonts w:asciiTheme="majorBidi" w:hAnsiTheme="majorBidi" w:cstheme="majorBidi"/>
          <w:sz w:val="18"/>
          <w:szCs w:val="18"/>
          <w:lang w:bidi="ar-IQ"/>
        </w:rPr>
      </w:pPr>
      <w:r w:rsidRPr="00B50831">
        <w:rPr>
          <w:rFonts w:asciiTheme="majorBidi" w:hAnsiTheme="majorBidi" w:cstheme="majorBidi"/>
          <w:sz w:val="18"/>
          <w:szCs w:val="18"/>
          <w:lang w:bidi="ar-IQ"/>
        </w:rPr>
        <w:t>Dastan, D., Shan, K., Jafari, A., Marszalek, T., Mohammed, M. K., Tao, L., Shi, Z., Chen, Y., Yin, X., Alharbi, N. D., Gity, F., Asgary, S., Hatamvand, M., and Ansari, L. Influence of heat treatment on H2S gas sensing features of NIO thin films deposited via thermal evaporation technique. Materials Science in Semiconductor Processing, (2023) 154, 107232. </w:t>
      </w:r>
      <w:hyperlink r:id="rId46" w:history="1">
        <w:r w:rsidRPr="00B50831">
          <w:rPr>
            <w:rStyle w:val="Hyperlink"/>
            <w:rFonts w:asciiTheme="majorBidi" w:hAnsiTheme="majorBidi" w:cstheme="majorBidi"/>
            <w:color w:val="auto"/>
            <w:sz w:val="18"/>
            <w:szCs w:val="18"/>
            <w:u w:val="none"/>
            <w:lang w:bidi="ar-IQ"/>
          </w:rPr>
          <w:t>https://doi.org/10.1016/j.mssp.2022.107232</w:t>
        </w:r>
      </w:hyperlink>
      <w:r w:rsidRPr="00B50831">
        <w:rPr>
          <w:rFonts w:asciiTheme="majorBidi" w:hAnsiTheme="majorBidi" w:cstheme="majorBidi"/>
          <w:sz w:val="18"/>
          <w:szCs w:val="18"/>
          <w:lang w:bidi="ar-IQ"/>
        </w:rPr>
        <w:t xml:space="preserve"> </w:t>
      </w:r>
    </w:p>
    <w:sectPr w:rsidR="00F54041" w:rsidRPr="00DE168E" w:rsidSect="00821A64">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E3D353D" w14:textId="77777777" w:rsidR="00D72A65" w:rsidRDefault="00D72A65" w:rsidP="00994CF7">
      <w:pPr>
        <w:spacing w:after="0" w:line="240" w:lineRule="auto"/>
      </w:pPr>
      <w:r>
        <w:separator/>
      </w:r>
    </w:p>
  </w:endnote>
  <w:endnote w:type="continuationSeparator" w:id="0">
    <w:p w14:paraId="5E6F3A5C" w14:textId="77777777" w:rsidR="00D72A65" w:rsidRDefault="00D72A65" w:rsidP="00994CF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6FF" w:usb1="420024FF" w:usb2="02000000" w:usb3="00000000" w:csb0="0000019F" w:csb1="00000000"/>
  </w:font>
  <w:font w:name="Symbol">
    <w:panose1 w:val="05050102010706020507"/>
    <w:charset w:val="02"/>
    <w:family w:val="roman"/>
    <w:pitch w:val="variable"/>
    <w:sig w:usb0="00000000" w:usb1="10000000" w:usb2="00000000" w:usb3="00000000" w:csb0="80000000"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E6AB29E" w14:textId="77777777" w:rsidR="00D72A65" w:rsidRDefault="00D72A65" w:rsidP="00994CF7">
      <w:pPr>
        <w:spacing w:after="0" w:line="240" w:lineRule="auto"/>
      </w:pPr>
      <w:r>
        <w:separator/>
      </w:r>
    </w:p>
  </w:footnote>
  <w:footnote w:type="continuationSeparator" w:id="0">
    <w:p w14:paraId="43E618C3" w14:textId="77777777" w:rsidR="00D72A65" w:rsidRDefault="00D72A65" w:rsidP="00994CF7">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98250A7"/>
    <w:multiLevelType w:val="hybridMultilevel"/>
    <w:tmpl w:val="94445FD4"/>
    <w:lvl w:ilvl="0" w:tplc="0409000F">
      <w:start w:val="1"/>
      <w:numFmt w:val="decimal"/>
      <w:lvlText w:val="%1."/>
      <w:lvlJc w:val="left"/>
      <w:pPr>
        <w:ind w:left="1620" w:hanging="360"/>
      </w:pPr>
    </w:lvl>
    <w:lvl w:ilvl="1" w:tplc="04090019" w:tentative="1">
      <w:start w:val="1"/>
      <w:numFmt w:val="lowerLetter"/>
      <w:lvlText w:val="%2."/>
      <w:lvlJc w:val="left"/>
      <w:pPr>
        <w:ind w:left="2340" w:hanging="360"/>
      </w:pPr>
    </w:lvl>
    <w:lvl w:ilvl="2" w:tplc="0409001B" w:tentative="1">
      <w:start w:val="1"/>
      <w:numFmt w:val="lowerRoman"/>
      <w:lvlText w:val="%3."/>
      <w:lvlJc w:val="right"/>
      <w:pPr>
        <w:ind w:left="3060" w:hanging="180"/>
      </w:pPr>
    </w:lvl>
    <w:lvl w:ilvl="3" w:tplc="0409000F" w:tentative="1">
      <w:start w:val="1"/>
      <w:numFmt w:val="decimal"/>
      <w:lvlText w:val="%4."/>
      <w:lvlJc w:val="left"/>
      <w:pPr>
        <w:ind w:left="3780" w:hanging="360"/>
      </w:pPr>
    </w:lvl>
    <w:lvl w:ilvl="4" w:tplc="04090019" w:tentative="1">
      <w:start w:val="1"/>
      <w:numFmt w:val="lowerLetter"/>
      <w:lvlText w:val="%5."/>
      <w:lvlJc w:val="left"/>
      <w:pPr>
        <w:ind w:left="4500" w:hanging="360"/>
      </w:pPr>
    </w:lvl>
    <w:lvl w:ilvl="5" w:tplc="0409001B" w:tentative="1">
      <w:start w:val="1"/>
      <w:numFmt w:val="lowerRoman"/>
      <w:lvlText w:val="%6."/>
      <w:lvlJc w:val="right"/>
      <w:pPr>
        <w:ind w:left="5220" w:hanging="180"/>
      </w:pPr>
    </w:lvl>
    <w:lvl w:ilvl="6" w:tplc="0409000F" w:tentative="1">
      <w:start w:val="1"/>
      <w:numFmt w:val="decimal"/>
      <w:lvlText w:val="%7."/>
      <w:lvlJc w:val="left"/>
      <w:pPr>
        <w:ind w:left="5940" w:hanging="360"/>
      </w:pPr>
    </w:lvl>
    <w:lvl w:ilvl="7" w:tplc="04090019" w:tentative="1">
      <w:start w:val="1"/>
      <w:numFmt w:val="lowerLetter"/>
      <w:lvlText w:val="%8."/>
      <w:lvlJc w:val="left"/>
      <w:pPr>
        <w:ind w:left="6660" w:hanging="360"/>
      </w:pPr>
    </w:lvl>
    <w:lvl w:ilvl="8" w:tplc="0409001B" w:tentative="1">
      <w:start w:val="1"/>
      <w:numFmt w:val="lowerRoman"/>
      <w:lvlText w:val="%9."/>
      <w:lvlJc w:val="right"/>
      <w:pPr>
        <w:ind w:left="7380" w:hanging="180"/>
      </w:pPr>
    </w:lvl>
  </w:abstractNum>
  <w:abstractNum w:abstractNumId="1" w15:restartNumberingAfterBreak="0">
    <w:nsid w:val="2F952515"/>
    <w:multiLevelType w:val="hybridMultilevel"/>
    <w:tmpl w:val="92EA9652"/>
    <w:lvl w:ilvl="0" w:tplc="7868C4BA">
      <w:start w:val="1"/>
      <w:numFmt w:val="decimal"/>
      <w:lvlText w:val="%1-"/>
      <w:lvlJc w:val="left"/>
      <w:pPr>
        <w:ind w:left="900" w:hanging="360"/>
      </w:pPr>
      <w:rPr>
        <w:rFonts w:hint="default"/>
      </w:rPr>
    </w:lvl>
    <w:lvl w:ilvl="1" w:tplc="04090019" w:tentative="1">
      <w:start w:val="1"/>
      <w:numFmt w:val="lowerLetter"/>
      <w:lvlText w:val="%2."/>
      <w:lvlJc w:val="left"/>
      <w:pPr>
        <w:ind w:left="1620" w:hanging="360"/>
      </w:pPr>
    </w:lvl>
    <w:lvl w:ilvl="2" w:tplc="0409001B" w:tentative="1">
      <w:start w:val="1"/>
      <w:numFmt w:val="lowerRoman"/>
      <w:lvlText w:val="%3."/>
      <w:lvlJc w:val="right"/>
      <w:pPr>
        <w:ind w:left="2340" w:hanging="180"/>
      </w:pPr>
    </w:lvl>
    <w:lvl w:ilvl="3" w:tplc="0409000F" w:tentative="1">
      <w:start w:val="1"/>
      <w:numFmt w:val="decimal"/>
      <w:lvlText w:val="%4."/>
      <w:lvlJc w:val="left"/>
      <w:pPr>
        <w:ind w:left="3060" w:hanging="360"/>
      </w:pPr>
    </w:lvl>
    <w:lvl w:ilvl="4" w:tplc="04090019" w:tentative="1">
      <w:start w:val="1"/>
      <w:numFmt w:val="lowerLetter"/>
      <w:lvlText w:val="%5."/>
      <w:lvlJc w:val="left"/>
      <w:pPr>
        <w:ind w:left="3780" w:hanging="360"/>
      </w:pPr>
    </w:lvl>
    <w:lvl w:ilvl="5" w:tplc="0409001B" w:tentative="1">
      <w:start w:val="1"/>
      <w:numFmt w:val="lowerRoman"/>
      <w:lvlText w:val="%6."/>
      <w:lvlJc w:val="right"/>
      <w:pPr>
        <w:ind w:left="4500" w:hanging="180"/>
      </w:pPr>
    </w:lvl>
    <w:lvl w:ilvl="6" w:tplc="0409000F" w:tentative="1">
      <w:start w:val="1"/>
      <w:numFmt w:val="decimal"/>
      <w:lvlText w:val="%7."/>
      <w:lvlJc w:val="left"/>
      <w:pPr>
        <w:ind w:left="5220" w:hanging="360"/>
      </w:pPr>
    </w:lvl>
    <w:lvl w:ilvl="7" w:tplc="04090019" w:tentative="1">
      <w:start w:val="1"/>
      <w:numFmt w:val="lowerLetter"/>
      <w:lvlText w:val="%8."/>
      <w:lvlJc w:val="left"/>
      <w:pPr>
        <w:ind w:left="5940" w:hanging="360"/>
      </w:pPr>
    </w:lvl>
    <w:lvl w:ilvl="8" w:tplc="0409001B" w:tentative="1">
      <w:start w:val="1"/>
      <w:numFmt w:val="lowerRoman"/>
      <w:lvlText w:val="%9."/>
      <w:lvlJc w:val="right"/>
      <w:pPr>
        <w:ind w:left="6660" w:hanging="180"/>
      </w:pPr>
    </w:lvl>
  </w:abstractNum>
  <w:abstractNum w:abstractNumId="2" w15:restartNumberingAfterBreak="0">
    <w:nsid w:val="30AC7128"/>
    <w:multiLevelType w:val="multilevel"/>
    <w:tmpl w:val="BE660278"/>
    <w:lvl w:ilvl="0">
      <w:start w:val="3"/>
      <w:numFmt w:val="decimal"/>
      <w:lvlText w:val="%1"/>
      <w:lvlJc w:val="left"/>
      <w:pPr>
        <w:ind w:left="390" w:hanging="390"/>
      </w:pPr>
      <w:rPr>
        <w:rFonts w:hint="default"/>
        <w:b/>
      </w:rPr>
    </w:lvl>
    <w:lvl w:ilvl="1">
      <w:start w:val="2"/>
      <w:numFmt w:val="decimal"/>
      <w:lvlText w:val="%1-%2"/>
      <w:lvlJc w:val="left"/>
      <w:pPr>
        <w:ind w:left="1520" w:hanging="720"/>
      </w:pPr>
      <w:rPr>
        <w:rFonts w:hint="default"/>
        <w:b/>
      </w:rPr>
    </w:lvl>
    <w:lvl w:ilvl="2">
      <w:start w:val="1"/>
      <w:numFmt w:val="decimal"/>
      <w:lvlText w:val="%1-%2.%3"/>
      <w:lvlJc w:val="left"/>
      <w:pPr>
        <w:ind w:left="2320" w:hanging="720"/>
      </w:pPr>
      <w:rPr>
        <w:rFonts w:hint="default"/>
        <w:b/>
      </w:rPr>
    </w:lvl>
    <w:lvl w:ilvl="3">
      <w:start w:val="1"/>
      <w:numFmt w:val="decimal"/>
      <w:lvlText w:val="%1-%2.%3.%4"/>
      <w:lvlJc w:val="left"/>
      <w:pPr>
        <w:ind w:left="3480" w:hanging="1080"/>
      </w:pPr>
      <w:rPr>
        <w:rFonts w:hint="default"/>
        <w:b/>
      </w:rPr>
    </w:lvl>
    <w:lvl w:ilvl="4">
      <w:start w:val="1"/>
      <w:numFmt w:val="decimal"/>
      <w:lvlText w:val="%1-%2.%3.%4.%5"/>
      <w:lvlJc w:val="left"/>
      <w:pPr>
        <w:ind w:left="4280" w:hanging="1080"/>
      </w:pPr>
      <w:rPr>
        <w:rFonts w:hint="default"/>
        <w:b/>
      </w:rPr>
    </w:lvl>
    <w:lvl w:ilvl="5">
      <w:start w:val="1"/>
      <w:numFmt w:val="decimal"/>
      <w:lvlText w:val="%1-%2.%3.%4.%5.%6"/>
      <w:lvlJc w:val="left"/>
      <w:pPr>
        <w:ind w:left="5440" w:hanging="1440"/>
      </w:pPr>
      <w:rPr>
        <w:rFonts w:hint="default"/>
        <w:b/>
      </w:rPr>
    </w:lvl>
    <w:lvl w:ilvl="6">
      <w:start w:val="1"/>
      <w:numFmt w:val="decimal"/>
      <w:lvlText w:val="%1-%2.%3.%4.%5.%6.%7"/>
      <w:lvlJc w:val="left"/>
      <w:pPr>
        <w:ind w:left="6240" w:hanging="1440"/>
      </w:pPr>
      <w:rPr>
        <w:rFonts w:hint="default"/>
        <w:b/>
      </w:rPr>
    </w:lvl>
    <w:lvl w:ilvl="7">
      <w:start w:val="1"/>
      <w:numFmt w:val="decimal"/>
      <w:lvlText w:val="%1-%2.%3.%4.%5.%6.%7.%8"/>
      <w:lvlJc w:val="left"/>
      <w:pPr>
        <w:ind w:left="7400" w:hanging="1800"/>
      </w:pPr>
      <w:rPr>
        <w:rFonts w:hint="default"/>
        <w:b/>
      </w:rPr>
    </w:lvl>
    <w:lvl w:ilvl="8">
      <w:start w:val="1"/>
      <w:numFmt w:val="decimal"/>
      <w:lvlText w:val="%1-%2.%3.%4.%5.%6.%7.%8.%9"/>
      <w:lvlJc w:val="left"/>
      <w:pPr>
        <w:ind w:left="8560" w:hanging="2160"/>
      </w:pPr>
      <w:rPr>
        <w:rFonts w:hint="default"/>
        <w:b/>
      </w:rPr>
    </w:lvl>
  </w:abstractNum>
  <w:abstractNum w:abstractNumId="3" w15:restartNumberingAfterBreak="0">
    <w:nsid w:val="35B632BC"/>
    <w:multiLevelType w:val="multilevel"/>
    <w:tmpl w:val="4A840362"/>
    <w:lvl w:ilvl="0">
      <w:start w:val="1"/>
      <w:numFmt w:val="decimal"/>
      <w:lvlText w:val="%1."/>
      <w:lvlJc w:val="left"/>
      <w:pPr>
        <w:ind w:left="410" w:hanging="360"/>
      </w:pPr>
      <w:rPr>
        <w:rFonts w:hint="default"/>
      </w:rPr>
    </w:lvl>
    <w:lvl w:ilvl="1">
      <w:start w:val="1"/>
      <w:numFmt w:val="decimal"/>
      <w:isLgl/>
      <w:lvlText w:val="%1.%2."/>
      <w:lvlJc w:val="left"/>
      <w:pPr>
        <w:ind w:left="800" w:hanging="390"/>
      </w:pPr>
      <w:rPr>
        <w:rFonts w:hint="default"/>
      </w:rPr>
    </w:lvl>
    <w:lvl w:ilvl="2">
      <w:start w:val="1"/>
      <w:numFmt w:val="decimal"/>
      <w:isLgl/>
      <w:lvlText w:val="%1.%2.%3."/>
      <w:lvlJc w:val="left"/>
      <w:pPr>
        <w:ind w:left="1490" w:hanging="720"/>
      </w:pPr>
      <w:rPr>
        <w:rFonts w:hint="default"/>
      </w:rPr>
    </w:lvl>
    <w:lvl w:ilvl="3">
      <w:start w:val="1"/>
      <w:numFmt w:val="decimal"/>
      <w:isLgl/>
      <w:lvlText w:val="%1.%2.%3.%4."/>
      <w:lvlJc w:val="left"/>
      <w:pPr>
        <w:ind w:left="1850" w:hanging="720"/>
      </w:pPr>
      <w:rPr>
        <w:rFonts w:hint="default"/>
      </w:rPr>
    </w:lvl>
    <w:lvl w:ilvl="4">
      <w:start w:val="1"/>
      <w:numFmt w:val="decimal"/>
      <w:isLgl/>
      <w:lvlText w:val="%1.%2.%3.%4.%5."/>
      <w:lvlJc w:val="left"/>
      <w:pPr>
        <w:ind w:left="2570" w:hanging="1080"/>
      </w:pPr>
      <w:rPr>
        <w:rFonts w:hint="default"/>
      </w:rPr>
    </w:lvl>
    <w:lvl w:ilvl="5">
      <w:start w:val="1"/>
      <w:numFmt w:val="decimal"/>
      <w:isLgl/>
      <w:lvlText w:val="%1.%2.%3.%4.%5.%6."/>
      <w:lvlJc w:val="left"/>
      <w:pPr>
        <w:ind w:left="2930" w:hanging="1080"/>
      </w:pPr>
      <w:rPr>
        <w:rFonts w:hint="default"/>
      </w:rPr>
    </w:lvl>
    <w:lvl w:ilvl="6">
      <w:start w:val="1"/>
      <w:numFmt w:val="decimal"/>
      <w:isLgl/>
      <w:lvlText w:val="%1.%2.%3.%4.%5.%6.%7."/>
      <w:lvlJc w:val="left"/>
      <w:pPr>
        <w:ind w:left="3650" w:hanging="1440"/>
      </w:pPr>
      <w:rPr>
        <w:rFonts w:hint="default"/>
      </w:rPr>
    </w:lvl>
    <w:lvl w:ilvl="7">
      <w:start w:val="1"/>
      <w:numFmt w:val="decimal"/>
      <w:isLgl/>
      <w:lvlText w:val="%1.%2.%3.%4.%5.%6.%7.%8."/>
      <w:lvlJc w:val="left"/>
      <w:pPr>
        <w:ind w:left="4010" w:hanging="1440"/>
      </w:pPr>
      <w:rPr>
        <w:rFonts w:hint="default"/>
      </w:rPr>
    </w:lvl>
    <w:lvl w:ilvl="8">
      <w:start w:val="1"/>
      <w:numFmt w:val="decimal"/>
      <w:isLgl/>
      <w:lvlText w:val="%1.%2.%3.%4.%5.%6.%7.%8.%9."/>
      <w:lvlJc w:val="left"/>
      <w:pPr>
        <w:ind w:left="4730" w:hanging="1800"/>
      </w:pPr>
      <w:rPr>
        <w:rFonts w:hint="default"/>
      </w:rPr>
    </w:lvl>
  </w:abstractNum>
  <w:num w:numId="1" w16cid:durableId="1243295426">
    <w:abstractNumId w:val="3"/>
  </w:num>
  <w:num w:numId="2" w16cid:durableId="220407064">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162160827">
    <w:abstractNumId w:val="2"/>
  </w:num>
  <w:num w:numId="4" w16cid:durableId="908879351">
    <w:abstractNumId w:val="1"/>
  </w:num>
  <w:num w:numId="5" w16cid:durableId="1967731636">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516CB"/>
    <w:rsid w:val="00006F50"/>
    <w:rsid w:val="000106EB"/>
    <w:rsid w:val="00022316"/>
    <w:rsid w:val="000327ED"/>
    <w:rsid w:val="00032FA3"/>
    <w:rsid w:val="00040820"/>
    <w:rsid w:val="000413E2"/>
    <w:rsid w:val="00042BCC"/>
    <w:rsid w:val="000438F2"/>
    <w:rsid w:val="000449C6"/>
    <w:rsid w:val="000500FE"/>
    <w:rsid w:val="000544BC"/>
    <w:rsid w:val="00054F2F"/>
    <w:rsid w:val="000553B8"/>
    <w:rsid w:val="00057FD4"/>
    <w:rsid w:val="000670B0"/>
    <w:rsid w:val="00074EC7"/>
    <w:rsid w:val="00077131"/>
    <w:rsid w:val="00080F87"/>
    <w:rsid w:val="000850ED"/>
    <w:rsid w:val="00085723"/>
    <w:rsid w:val="00086DFB"/>
    <w:rsid w:val="00086F2E"/>
    <w:rsid w:val="00090CD4"/>
    <w:rsid w:val="00092C9E"/>
    <w:rsid w:val="00095638"/>
    <w:rsid w:val="000A2E7B"/>
    <w:rsid w:val="000A4646"/>
    <w:rsid w:val="000B065E"/>
    <w:rsid w:val="000B3CDE"/>
    <w:rsid w:val="000B5CC0"/>
    <w:rsid w:val="000D27FD"/>
    <w:rsid w:val="000D3478"/>
    <w:rsid w:val="000D4248"/>
    <w:rsid w:val="000D754B"/>
    <w:rsid w:val="000E071E"/>
    <w:rsid w:val="000E232D"/>
    <w:rsid w:val="000E588C"/>
    <w:rsid w:val="000F4453"/>
    <w:rsid w:val="001018FC"/>
    <w:rsid w:val="00107F08"/>
    <w:rsid w:val="0011026F"/>
    <w:rsid w:val="001113F2"/>
    <w:rsid w:val="0011231D"/>
    <w:rsid w:val="001127DB"/>
    <w:rsid w:val="00117B44"/>
    <w:rsid w:val="00124F11"/>
    <w:rsid w:val="00133AFA"/>
    <w:rsid w:val="001456BD"/>
    <w:rsid w:val="00153AFC"/>
    <w:rsid w:val="00155BC1"/>
    <w:rsid w:val="00156A48"/>
    <w:rsid w:val="00161D33"/>
    <w:rsid w:val="00163D01"/>
    <w:rsid w:val="00164C82"/>
    <w:rsid w:val="001721CE"/>
    <w:rsid w:val="001812CA"/>
    <w:rsid w:val="001862AD"/>
    <w:rsid w:val="00190AFD"/>
    <w:rsid w:val="00197130"/>
    <w:rsid w:val="001A2F56"/>
    <w:rsid w:val="001A7649"/>
    <w:rsid w:val="001B2DF6"/>
    <w:rsid w:val="001B306A"/>
    <w:rsid w:val="001B5C25"/>
    <w:rsid w:val="001C29AC"/>
    <w:rsid w:val="001C2C5C"/>
    <w:rsid w:val="001C3BBF"/>
    <w:rsid w:val="001C3CD5"/>
    <w:rsid w:val="001C5749"/>
    <w:rsid w:val="001C7FC8"/>
    <w:rsid w:val="001D23E4"/>
    <w:rsid w:val="001D5CF9"/>
    <w:rsid w:val="001E4B2C"/>
    <w:rsid w:val="001E4D8A"/>
    <w:rsid w:val="001F0F9C"/>
    <w:rsid w:val="001F14B9"/>
    <w:rsid w:val="001F24A3"/>
    <w:rsid w:val="001F40B3"/>
    <w:rsid w:val="001F466B"/>
    <w:rsid w:val="001F7583"/>
    <w:rsid w:val="00202E04"/>
    <w:rsid w:val="002052B6"/>
    <w:rsid w:val="00221614"/>
    <w:rsid w:val="002248EF"/>
    <w:rsid w:val="002379EE"/>
    <w:rsid w:val="002429F7"/>
    <w:rsid w:val="00246832"/>
    <w:rsid w:val="0025504D"/>
    <w:rsid w:val="002557B8"/>
    <w:rsid w:val="002607A7"/>
    <w:rsid w:val="002637D7"/>
    <w:rsid w:val="00272A99"/>
    <w:rsid w:val="002768C7"/>
    <w:rsid w:val="00291F74"/>
    <w:rsid w:val="0029378E"/>
    <w:rsid w:val="002A4ADB"/>
    <w:rsid w:val="002A6C57"/>
    <w:rsid w:val="002B30E9"/>
    <w:rsid w:val="002B3712"/>
    <w:rsid w:val="002C0F16"/>
    <w:rsid w:val="002C78CB"/>
    <w:rsid w:val="002D0B93"/>
    <w:rsid w:val="002D2D0A"/>
    <w:rsid w:val="002E3C26"/>
    <w:rsid w:val="002E4753"/>
    <w:rsid w:val="002E644C"/>
    <w:rsid w:val="002F21E6"/>
    <w:rsid w:val="002F5B23"/>
    <w:rsid w:val="0031237F"/>
    <w:rsid w:val="0031447B"/>
    <w:rsid w:val="00323D1A"/>
    <w:rsid w:val="003241D1"/>
    <w:rsid w:val="003264B0"/>
    <w:rsid w:val="00330F41"/>
    <w:rsid w:val="0033667F"/>
    <w:rsid w:val="00336768"/>
    <w:rsid w:val="00341295"/>
    <w:rsid w:val="00341534"/>
    <w:rsid w:val="0034245D"/>
    <w:rsid w:val="00342D1E"/>
    <w:rsid w:val="00343138"/>
    <w:rsid w:val="00351680"/>
    <w:rsid w:val="00351864"/>
    <w:rsid w:val="00352059"/>
    <w:rsid w:val="00356D53"/>
    <w:rsid w:val="00362C3C"/>
    <w:rsid w:val="0038189A"/>
    <w:rsid w:val="003824AE"/>
    <w:rsid w:val="0038683A"/>
    <w:rsid w:val="003904CD"/>
    <w:rsid w:val="00390F15"/>
    <w:rsid w:val="0039720C"/>
    <w:rsid w:val="003A0B17"/>
    <w:rsid w:val="003A0F1D"/>
    <w:rsid w:val="003A16DA"/>
    <w:rsid w:val="003A2082"/>
    <w:rsid w:val="003A3211"/>
    <w:rsid w:val="003B33C6"/>
    <w:rsid w:val="003B453C"/>
    <w:rsid w:val="003D2B33"/>
    <w:rsid w:val="003E0143"/>
    <w:rsid w:val="003E06BA"/>
    <w:rsid w:val="003E1EBE"/>
    <w:rsid w:val="003E7B64"/>
    <w:rsid w:val="003F0F47"/>
    <w:rsid w:val="00403776"/>
    <w:rsid w:val="004053C5"/>
    <w:rsid w:val="00412AF8"/>
    <w:rsid w:val="004205FD"/>
    <w:rsid w:val="00423446"/>
    <w:rsid w:val="0043194C"/>
    <w:rsid w:val="0043691E"/>
    <w:rsid w:val="00442C0E"/>
    <w:rsid w:val="00447AE0"/>
    <w:rsid w:val="00447EFE"/>
    <w:rsid w:val="00451949"/>
    <w:rsid w:val="00454D04"/>
    <w:rsid w:val="00456A0E"/>
    <w:rsid w:val="00462AC0"/>
    <w:rsid w:val="00463495"/>
    <w:rsid w:val="0046392B"/>
    <w:rsid w:val="00464C07"/>
    <w:rsid w:val="00467BFB"/>
    <w:rsid w:val="00470BFF"/>
    <w:rsid w:val="00473FA2"/>
    <w:rsid w:val="00476ABA"/>
    <w:rsid w:val="00476E06"/>
    <w:rsid w:val="00480F21"/>
    <w:rsid w:val="00481B6C"/>
    <w:rsid w:val="004906BB"/>
    <w:rsid w:val="00490B3E"/>
    <w:rsid w:val="004B00A3"/>
    <w:rsid w:val="004B4384"/>
    <w:rsid w:val="004C19FA"/>
    <w:rsid w:val="004C225D"/>
    <w:rsid w:val="004C24CC"/>
    <w:rsid w:val="004D2008"/>
    <w:rsid w:val="004D2181"/>
    <w:rsid w:val="004D6576"/>
    <w:rsid w:val="004D7FB8"/>
    <w:rsid w:val="004E13ED"/>
    <w:rsid w:val="004F2AB6"/>
    <w:rsid w:val="004F791E"/>
    <w:rsid w:val="0050075B"/>
    <w:rsid w:val="005029DF"/>
    <w:rsid w:val="0050385C"/>
    <w:rsid w:val="00513B34"/>
    <w:rsid w:val="005147BE"/>
    <w:rsid w:val="00524E6B"/>
    <w:rsid w:val="00527A88"/>
    <w:rsid w:val="00531098"/>
    <w:rsid w:val="0053190A"/>
    <w:rsid w:val="0053597E"/>
    <w:rsid w:val="00544423"/>
    <w:rsid w:val="00547E47"/>
    <w:rsid w:val="005543FF"/>
    <w:rsid w:val="005714B4"/>
    <w:rsid w:val="00577294"/>
    <w:rsid w:val="0058675E"/>
    <w:rsid w:val="00597E85"/>
    <w:rsid w:val="005A1517"/>
    <w:rsid w:val="005A2960"/>
    <w:rsid w:val="005A48F7"/>
    <w:rsid w:val="005A65BD"/>
    <w:rsid w:val="005B056B"/>
    <w:rsid w:val="005B0B77"/>
    <w:rsid w:val="005B3996"/>
    <w:rsid w:val="005B3B72"/>
    <w:rsid w:val="005C7EC7"/>
    <w:rsid w:val="005D088D"/>
    <w:rsid w:val="005D1654"/>
    <w:rsid w:val="005D283F"/>
    <w:rsid w:val="005D6236"/>
    <w:rsid w:val="005D705E"/>
    <w:rsid w:val="005E3617"/>
    <w:rsid w:val="005F19DD"/>
    <w:rsid w:val="005F424D"/>
    <w:rsid w:val="005F635E"/>
    <w:rsid w:val="00611EEC"/>
    <w:rsid w:val="00615F39"/>
    <w:rsid w:val="00616027"/>
    <w:rsid w:val="00617787"/>
    <w:rsid w:val="006231BD"/>
    <w:rsid w:val="00626B8C"/>
    <w:rsid w:val="00631312"/>
    <w:rsid w:val="00631603"/>
    <w:rsid w:val="006317BE"/>
    <w:rsid w:val="0063411A"/>
    <w:rsid w:val="00634F5F"/>
    <w:rsid w:val="00637A0D"/>
    <w:rsid w:val="00637DD2"/>
    <w:rsid w:val="00643D12"/>
    <w:rsid w:val="00646C1C"/>
    <w:rsid w:val="00647931"/>
    <w:rsid w:val="00652E5D"/>
    <w:rsid w:val="0066251D"/>
    <w:rsid w:val="006625DB"/>
    <w:rsid w:val="00665781"/>
    <w:rsid w:val="00677993"/>
    <w:rsid w:val="00687DE0"/>
    <w:rsid w:val="0069105B"/>
    <w:rsid w:val="0069549B"/>
    <w:rsid w:val="00696746"/>
    <w:rsid w:val="006A047F"/>
    <w:rsid w:val="006A655C"/>
    <w:rsid w:val="006B2E6F"/>
    <w:rsid w:val="006B456D"/>
    <w:rsid w:val="006C35E8"/>
    <w:rsid w:val="006C46B0"/>
    <w:rsid w:val="006C7CBB"/>
    <w:rsid w:val="006D0171"/>
    <w:rsid w:val="006D08BD"/>
    <w:rsid w:val="006D1361"/>
    <w:rsid w:val="006D1513"/>
    <w:rsid w:val="006D433C"/>
    <w:rsid w:val="006D52B4"/>
    <w:rsid w:val="006E02AE"/>
    <w:rsid w:val="006E55F6"/>
    <w:rsid w:val="006E5ADD"/>
    <w:rsid w:val="006E63F9"/>
    <w:rsid w:val="006E66BF"/>
    <w:rsid w:val="006F115F"/>
    <w:rsid w:val="006F25F6"/>
    <w:rsid w:val="006F3CE8"/>
    <w:rsid w:val="00715208"/>
    <w:rsid w:val="00715AC5"/>
    <w:rsid w:val="00725DD1"/>
    <w:rsid w:val="00726909"/>
    <w:rsid w:val="00726FFC"/>
    <w:rsid w:val="00730365"/>
    <w:rsid w:val="0073438A"/>
    <w:rsid w:val="00735AD2"/>
    <w:rsid w:val="00737F92"/>
    <w:rsid w:val="00740C4C"/>
    <w:rsid w:val="00741CEA"/>
    <w:rsid w:val="00746729"/>
    <w:rsid w:val="00760676"/>
    <w:rsid w:val="007608BA"/>
    <w:rsid w:val="007648CA"/>
    <w:rsid w:val="00777ADE"/>
    <w:rsid w:val="00783C04"/>
    <w:rsid w:val="007907A6"/>
    <w:rsid w:val="00791911"/>
    <w:rsid w:val="00794C6A"/>
    <w:rsid w:val="00795592"/>
    <w:rsid w:val="00795EA3"/>
    <w:rsid w:val="00796BA2"/>
    <w:rsid w:val="00797019"/>
    <w:rsid w:val="007974DA"/>
    <w:rsid w:val="007A0CD3"/>
    <w:rsid w:val="007A7AF5"/>
    <w:rsid w:val="007B0632"/>
    <w:rsid w:val="007B3069"/>
    <w:rsid w:val="007B36C9"/>
    <w:rsid w:val="007B37FE"/>
    <w:rsid w:val="007B52F4"/>
    <w:rsid w:val="007B7FBD"/>
    <w:rsid w:val="007D08FC"/>
    <w:rsid w:val="007D6AA1"/>
    <w:rsid w:val="007E14A2"/>
    <w:rsid w:val="007E2E81"/>
    <w:rsid w:val="007E552E"/>
    <w:rsid w:val="0080040E"/>
    <w:rsid w:val="00806A2E"/>
    <w:rsid w:val="008202D9"/>
    <w:rsid w:val="008211F8"/>
    <w:rsid w:val="00821A64"/>
    <w:rsid w:val="00821EE7"/>
    <w:rsid w:val="008231EF"/>
    <w:rsid w:val="00823D52"/>
    <w:rsid w:val="008244A1"/>
    <w:rsid w:val="008263CE"/>
    <w:rsid w:val="008342D3"/>
    <w:rsid w:val="00835164"/>
    <w:rsid w:val="0084466A"/>
    <w:rsid w:val="00845BDF"/>
    <w:rsid w:val="00850599"/>
    <w:rsid w:val="0085138F"/>
    <w:rsid w:val="00854E88"/>
    <w:rsid w:val="0086372A"/>
    <w:rsid w:val="00866D5E"/>
    <w:rsid w:val="00866F69"/>
    <w:rsid w:val="00867D78"/>
    <w:rsid w:val="00870818"/>
    <w:rsid w:val="00884C9A"/>
    <w:rsid w:val="00885D5A"/>
    <w:rsid w:val="00895A5F"/>
    <w:rsid w:val="008960BB"/>
    <w:rsid w:val="008A16DC"/>
    <w:rsid w:val="008A3C7C"/>
    <w:rsid w:val="008B0E92"/>
    <w:rsid w:val="008B1DFB"/>
    <w:rsid w:val="008B7832"/>
    <w:rsid w:val="008C1099"/>
    <w:rsid w:val="008C21FC"/>
    <w:rsid w:val="008C32F1"/>
    <w:rsid w:val="008C418C"/>
    <w:rsid w:val="008D0E88"/>
    <w:rsid w:val="008D2246"/>
    <w:rsid w:val="008E2C93"/>
    <w:rsid w:val="008E35B8"/>
    <w:rsid w:val="008E493C"/>
    <w:rsid w:val="008F015E"/>
    <w:rsid w:val="008F60CC"/>
    <w:rsid w:val="008F7637"/>
    <w:rsid w:val="00900DCC"/>
    <w:rsid w:val="00900E0E"/>
    <w:rsid w:val="009041CC"/>
    <w:rsid w:val="00906AB5"/>
    <w:rsid w:val="00911954"/>
    <w:rsid w:val="00914BF7"/>
    <w:rsid w:val="0092290F"/>
    <w:rsid w:val="00924D94"/>
    <w:rsid w:val="009270FF"/>
    <w:rsid w:val="0093583A"/>
    <w:rsid w:val="00941C73"/>
    <w:rsid w:val="00944715"/>
    <w:rsid w:val="00944E1E"/>
    <w:rsid w:val="00944F64"/>
    <w:rsid w:val="0094531A"/>
    <w:rsid w:val="00946CC8"/>
    <w:rsid w:val="00947E3D"/>
    <w:rsid w:val="009516CB"/>
    <w:rsid w:val="009518F9"/>
    <w:rsid w:val="00952C36"/>
    <w:rsid w:val="00962E3C"/>
    <w:rsid w:val="009654BE"/>
    <w:rsid w:val="00965839"/>
    <w:rsid w:val="00972CD7"/>
    <w:rsid w:val="0097346D"/>
    <w:rsid w:val="00981E8A"/>
    <w:rsid w:val="009835FA"/>
    <w:rsid w:val="0098632A"/>
    <w:rsid w:val="00991F99"/>
    <w:rsid w:val="00994194"/>
    <w:rsid w:val="009943DF"/>
    <w:rsid w:val="00994CF7"/>
    <w:rsid w:val="009A2CD5"/>
    <w:rsid w:val="009A3D8C"/>
    <w:rsid w:val="009A3EA5"/>
    <w:rsid w:val="009A408A"/>
    <w:rsid w:val="009A617B"/>
    <w:rsid w:val="009B2C1C"/>
    <w:rsid w:val="009B6BD0"/>
    <w:rsid w:val="009C1131"/>
    <w:rsid w:val="009C4101"/>
    <w:rsid w:val="009D09D0"/>
    <w:rsid w:val="009D3383"/>
    <w:rsid w:val="009E1463"/>
    <w:rsid w:val="009E3B91"/>
    <w:rsid w:val="009E5B6F"/>
    <w:rsid w:val="00A04522"/>
    <w:rsid w:val="00A04E95"/>
    <w:rsid w:val="00A06D88"/>
    <w:rsid w:val="00A134D4"/>
    <w:rsid w:val="00A13DE1"/>
    <w:rsid w:val="00A248E0"/>
    <w:rsid w:val="00A30E0B"/>
    <w:rsid w:val="00A30E86"/>
    <w:rsid w:val="00A40FE8"/>
    <w:rsid w:val="00A44DFA"/>
    <w:rsid w:val="00A57186"/>
    <w:rsid w:val="00A63EC2"/>
    <w:rsid w:val="00A70D1D"/>
    <w:rsid w:val="00A72464"/>
    <w:rsid w:val="00A72DAC"/>
    <w:rsid w:val="00A75F43"/>
    <w:rsid w:val="00A844BA"/>
    <w:rsid w:val="00A85D06"/>
    <w:rsid w:val="00A936B5"/>
    <w:rsid w:val="00A946F3"/>
    <w:rsid w:val="00A96F3F"/>
    <w:rsid w:val="00AA00EA"/>
    <w:rsid w:val="00AA13C2"/>
    <w:rsid w:val="00AA363A"/>
    <w:rsid w:val="00AA6D62"/>
    <w:rsid w:val="00AB0F26"/>
    <w:rsid w:val="00AB0FF9"/>
    <w:rsid w:val="00AB212F"/>
    <w:rsid w:val="00AB502D"/>
    <w:rsid w:val="00AB7F86"/>
    <w:rsid w:val="00AC6D0F"/>
    <w:rsid w:val="00AD002B"/>
    <w:rsid w:val="00AD195C"/>
    <w:rsid w:val="00AD7018"/>
    <w:rsid w:val="00AE21FD"/>
    <w:rsid w:val="00AE2CED"/>
    <w:rsid w:val="00AE5373"/>
    <w:rsid w:val="00AE7AA6"/>
    <w:rsid w:val="00AF19E9"/>
    <w:rsid w:val="00B0106B"/>
    <w:rsid w:val="00B015EF"/>
    <w:rsid w:val="00B01E45"/>
    <w:rsid w:val="00B07EC2"/>
    <w:rsid w:val="00B1213D"/>
    <w:rsid w:val="00B143FF"/>
    <w:rsid w:val="00B153C5"/>
    <w:rsid w:val="00B26321"/>
    <w:rsid w:val="00B27108"/>
    <w:rsid w:val="00B30E70"/>
    <w:rsid w:val="00B30F4D"/>
    <w:rsid w:val="00B31838"/>
    <w:rsid w:val="00B3235F"/>
    <w:rsid w:val="00B35184"/>
    <w:rsid w:val="00B463CC"/>
    <w:rsid w:val="00B46D67"/>
    <w:rsid w:val="00B47B62"/>
    <w:rsid w:val="00B47EEB"/>
    <w:rsid w:val="00B5060A"/>
    <w:rsid w:val="00B50831"/>
    <w:rsid w:val="00B62B52"/>
    <w:rsid w:val="00B62FF9"/>
    <w:rsid w:val="00B6651D"/>
    <w:rsid w:val="00B71254"/>
    <w:rsid w:val="00B74494"/>
    <w:rsid w:val="00B7777E"/>
    <w:rsid w:val="00B84B62"/>
    <w:rsid w:val="00B865E2"/>
    <w:rsid w:val="00B96193"/>
    <w:rsid w:val="00BA7C69"/>
    <w:rsid w:val="00BB0102"/>
    <w:rsid w:val="00BB2B95"/>
    <w:rsid w:val="00BB4F81"/>
    <w:rsid w:val="00BB70F8"/>
    <w:rsid w:val="00BC0D75"/>
    <w:rsid w:val="00BC26A6"/>
    <w:rsid w:val="00BC55BB"/>
    <w:rsid w:val="00BD4DA6"/>
    <w:rsid w:val="00BE5C6D"/>
    <w:rsid w:val="00BE68A0"/>
    <w:rsid w:val="00BF1342"/>
    <w:rsid w:val="00BF256A"/>
    <w:rsid w:val="00BF4936"/>
    <w:rsid w:val="00BF6053"/>
    <w:rsid w:val="00C0050F"/>
    <w:rsid w:val="00C00CF6"/>
    <w:rsid w:val="00C0771F"/>
    <w:rsid w:val="00C07DCF"/>
    <w:rsid w:val="00C1034D"/>
    <w:rsid w:val="00C12744"/>
    <w:rsid w:val="00C13D36"/>
    <w:rsid w:val="00C16DB1"/>
    <w:rsid w:val="00C17E3D"/>
    <w:rsid w:val="00C20BC1"/>
    <w:rsid w:val="00C21F46"/>
    <w:rsid w:val="00C27B61"/>
    <w:rsid w:val="00C4202C"/>
    <w:rsid w:val="00C43B24"/>
    <w:rsid w:val="00C44E8D"/>
    <w:rsid w:val="00C50841"/>
    <w:rsid w:val="00C51CDC"/>
    <w:rsid w:val="00C60728"/>
    <w:rsid w:val="00C63886"/>
    <w:rsid w:val="00C723E8"/>
    <w:rsid w:val="00C72F17"/>
    <w:rsid w:val="00C747A0"/>
    <w:rsid w:val="00C76B35"/>
    <w:rsid w:val="00C829CD"/>
    <w:rsid w:val="00C9168B"/>
    <w:rsid w:val="00CA318D"/>
    <w:rsid w:val="00CA351E"/>
    <w:rsid w:val="00CA3885"/>
    <w:rsid w:val="00CB44D3"/>
    <w:rsid w:val="00CC1BF7"/>
    <w:rsid w:val="00CC6E87"/>
    <w:rsid w:val="00CD087E"/>
    <w:rsid w:val="00CD2760"/>
    <w:rsid w:val="00CD4F5C"/>
    <w:rsid w:val="00CE1253"/>
    <w:rsid w:val="00CE580C"/>
    <w:rsid w:val="00CE60EC"/>
    <w:rsid w:val="00CF6D9A"/>
    <w:rsid w:val="00CF7CEA"/>
    <w:rsid w:val="00D03DB0"/>
    <w:rsid w:val="00D130DE"/>
    <w:rsid w:val="00D1780B"/>
    <w:rsid w:val="00D227BA"/>
    <w:rsid w:val="00D25F34"/>
    <w:rsid w:val="00D272CF"/>
    <w:rsid w:val="00D33384"/>
    <w:rsid w:val="00D35081"/>
    <w:rsid w:val="00D56E52"/>
    <w:rsid w:val="00D618C0"/>
    <w:rsid w:val="00D6233C"/>
    <w:rsid w:val="00D625FD"/>
    <w:rsid w:val="00D67A66"/>
    <w:rsid w:val="00D67A91"/>
    <w:rsid w:val="00D702BB"/>
    <w:rsid w:val="00D71B14"/>
    <w:rsid w:val="00D72A65"/>
    <w:rsid w:val="00D72B19"/>
    <w:rsid w:val="00D85A0A"/>
    <w:rsid w:val="00D917F7"/>
    <w:rsid w:val="00D941C8"/>
    <w:rsid w:val="00D9697A"/>
    <w:rsid w:val="00D970D2"/>
    <w:rsid w:val="00D97197"/>
    <w:rsid w:val="00D97D68"/>
    <w:rsid w:val="00DA7762"/>
    <w:rsid w:val="00DB455A"/>
    <w:rsid w:val="00DC2F93"/>
    <w:rsid w:val="00DD5796"/>
    <w:rsid w:val="00DE168E"/>
    <w:rsid w:val="00DE171E"/>
    <w:rsid w:val="00DE3F90"/>
    <w:rsid w:val="00DE7871"/>
    <w:rsid w:val="00DF2519"/>
    <w:rsid w:val="00DF6573"/>
    <w:rsid w:val="00E00EC5"/>
    <w:rsid w:val="00E014F5"/>
    <w:rsid w:val="00E02D87"/>
    <w:rsid w:val="00E0418C"/>
    <w:rsid w:val="00E07392"/>
    <w:rsid w:val="00E07F6D"/>
    <w:rsid w:val="00E207A5"/>
    <w:rsid w:val="00E2355E"/>
    <w:rsid w:val="00E261AC"/>
    <w:rsid w:val="00E27B10"/>
    <w:rsid w:val="00E3041C"/>
    <w:rsid w:val="00E353E8"/>
    <w:rsid w:val="00E36955"/>
    <w:rsid w:val="00E43196"/>
    <w:rsid w:val="00E45070"/>
    <w:rsid w:val="00E458BC"/>
    <w:rsid w:val="00E47CD8"/>
    <w:rsid w:val="00E64715"/>
    <w:rsid w:val="00E669F8"/>
    <w:rsid w:val="00E66C36"/>
    <w:rsid w:val="00E702DE"/>
    <w:rsid w:val="00E73D55"/>
    <w:rsid w:val="00E755AA"/>
    <w:rsid w:val="00E75F25"/>
    <w:rsid w:val="00E847FE"/>
    <w:rsid w:val="00E84A57"/>
    <w:rsid w:val="00E91BAA"/>
    <w:rsid w:val="00E941B6"/>
    <w:rsid w:val="00E9569F"/>
    <w:rsid w:val="00EA6466"/>
    <w:rsid w:val="00EA7F9B"/>
    <w:rsid w:val="00EB003E"/>
    <w:rsid w:val="00EB124C"/>
    <w:rsid w:val="00EB1E42"/>
    <w:rsid w:val="00EB5F2F"/>
    <w:rsid w:val="00EB6E0D"/>
    <w:rsid w:val="00EC0F77"/>
    <w:rsid w:val="00EC3D61"/>
    <w:rsid w:val="00EC3E65"/>
    <w:rsid w:val="00EC59F8"/>
    <w:rsid w:val="00ED1611"/>
    <w:rsid w:val="00ED3299"/>
    <w:rsid w:val="00EF72E1"/>
    <w:rsid w:val="00EF77BF"/>
    <w:rsid w:val="00EF7B92"/>
    <w:rsid w:val="00F148E5"/>
    <w:rsid w:val="00F164C5"/>
    <w:rsid w:val="00F225D4"/>
    <w:rsid w:val="00F278DA"/>
    <w:rsid w:val="00F27C80"/>
    <w:rsid w:val="00F31196"/>
    <w:rsid w:val="00F33337"/>
    <w:rsid w:val="00F43029"/>
    <w:rsid w:val="00F4517E"/>
    <w:rsid w:val="00F45C84"/>
    <w:rsid w:val="00F461CD"/>
    <w:rsid w:val="00F50765"/>
    <w:rsid w:val="00F51936"/>
    <w:rsid w:val="00F54041"/>
    <w:rsid w:val="00F54343"/>
    <w:rsid w:val="00F54588"/>
    <w:rsid w:val="00F60D14"/>
    <w:rsid w:val="00F61FBD"/>
    <w:rsid w:val="00F6320C"/>
    <w:rsid w:val="00F63224"/>
    <w:rsid w:val="00F819F6"/>
    <w:rsid w:val="00F8217E"/>
    <w:rsid w:val="00F836B7"/>
    <w:rsid w:val="00F87872"/>
    <w:rsid w:val="00F914E6"/>
    <w:rsid w:val="00F94932"/>
    <w:rsid w:val="00FA155B"/>
    <w:rsid w:val="00FA2864"/>
    <w:rsid w:val="00FA5A54"/>
    <w:rsid w:val="00FA6DD9"/>
    <w:rsid w:val="00FB0EE7"/>
    <w:rsid w:val="00FB3F79"/>
    <w:rsid w:val="00FC3143"/>
    <w:rsid w:val="00FC55DE"/>
    <w:rsid w:val="00FD69BE"/>
    <w:rsid w:val="00FD69EB"/>
    <w:rsid w:val="00FF5108"/>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9B6A226"/>
  <w15:docId w15:val="{1F98E7D3-D02F-455E-8CE4-2C0105F9F1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0E588C"/>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221614"/>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FC5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FC55DE"/>
    <w:rPr>
      <w:rFonts w:ascii="Tahoma" w:hAnsi="Tahoma" w:cs="Tahoma"/>
      <w:sz w:val="16"/>
      <w:szCs w:val="16"/>
    </w:rPr>
  </w:style>
  <w:style w:type="character" w:styleId="CommentReference">
    <w:name w:val="annotation reference"/>
    <w:basedOn w:val="DefaultParagraphFont"/>
    <w:uiPriority w:val="99"/>
    <w:semiHidden/>
    <w:unhideWhenUsed/>
    <w:rsid w:val="00BF1342"/>
    <w:rPr>
      <w:sz w:val="16"/>
      <w:szCs w:val="16"/>
    </w:rPr>
  </w:style>
  <w:style w:type="paragraph" w:styleId="CommentText">
    <w:name w:val="annotation text"/>
    <w:basedOn w:val="Normal"/>
    <w:link w:val="CommentTextChar"/>
    <w:uiPriority w:val="99"/>
    <w:semiHidden/>
    <w:unhideWhenUsed/>
    <w:rsid w:val="00BF1342"/>
    <w:pPr>
      <w:spacing w:line="240" w:lineRule="auto"/>
    </w:pPr>
    <w:rPr>
      <w:sz w:val="20"/>
      <w:szCs w:val="20"/>
    </w:rPr>
  </w:style>
  <w:style w:type="character" w:customStyle="1" w:styleId="CommentTextChar">
    <w:name w:val="Comment Text Char"/>
    <w:basedOn w:val="DefaultParagraphFont"/>
    <w:link w:val="CommentText"/>
    <w:uiPriority w:val="99"/>
    <w:semiHidden/>
    <w:rsid w:val="00BF1342"/>
    <w:rPr>
      <w:sz w:val="20"/>
      <w:szCs w:val="20"/>
    </w:rPr>
  </w:style>
  <w:style w:type="paragraph" w:styleId="CommentSubject">
    <w:name w:val="annotation subject"/>
    <w:basedOn w:val="CommentText"/>
    <w:next w:val="CommentText"/>
    <w:link w:val="CommentSubjectChar"/>
    <w:uiPriority w:val="99"/>
    <w:semiHidden/>
    <w:unhideWhenUsed/>
    <w:rsid w:val="00BF1342"/>
    <w:rPr>
      <w:b/>
      <w:bCs/>
    </w:rPr>
  </w:style>
  <w:style w:type="character" w:customStyle="1" w:styleId="CommentSubjectChar">
    <w:name w:val="Comment Subject Char"/>
    <w:basedOn w:val="CommentTextChar"/>
    <w:link w:val="CommentSubject"/>
    <w:uiPriority w:val="99"/>
    <w:semiHidden/>
    <w:rsid w:val="00BF1342"/>
    <w:rPr>
      <w:b/>
      <w:bCs/>
      <w:sz w:val="20"/>
      <w:szCs w:val="20"/>
    </w:rPr>
  </w:style>
  <w:style w:type="table" w:styleId="TableGrid">
    <w:name w:val="Table Grid"/>
    <w:basedOn w:val="TableNormal"/>
    <w:uiPriority w:val="59"/>
    <w:rsid w:val="00BF1342"/>
    <w:pPr>
      <w:spacing w:after="0" w:line="240" w:lineRule="auto"/>
    </w:pPr>
    <w:rPr>
      <w:rFonts w:ascii="Calibri" w:eastAsia="Calibri" w:hAnsi="Calibri" w:cs="Aria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E73D55"/>
    <w:pPr>
      <w:ind w:left="720"/>
      <w:contextualSpacing/>
    </w:pPr>
  </w:style>
  <w:style w:type="table" w:customStyle="1" w:styleId="TableGrid1">
    <w:name w:val="Table Grid1"/>
    <w:basedOn w:val="TableNormal"/>
    <w:next w:val="TableGrid"/>
    <w:uiPriority w:val="59"/>
    <w:rsid w:val="008F60C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next w:val="TableGrid"/>
    <w:uiPriority w:val="59"/>
    <w:rsid w:val="008F60C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semiHidden/>
    <w:rsid w:val="00221614"/>
    <w:rPr>
      <w:rFonts w:asciiTheme="majorHAnsi" w:eastAsiaTheme="majorEastAsia" w:hAnsiTheme="majorHAnsi" w:cstheme="majorBidi"/>
      <w:b/>
      <w:bCs/>
      <w:color w:val="4F81BD" w:themeColor="accent1"/>
      <w:sz w:val="26"/>
      <w:szCs w:val="26"/>
    </w:rPr>
  </w:style>
  <w:style w:type="character" w:styleId="Hyperlink">
    <w:name w:val="Hyperlink"/>
    <w:basedOn w:val="DefaultParagraphFont"/>
    <w:uiPriority w:val="99"/>
    <w:unhideWhenUsed/>
    <w:rsid w:val="00221614"/>
    <w:rPr>
      <w:color w:val="0000FF" w:themeColor="hyperlink"/>
      <w:u w:val="single"/>
    </w:rPr>
  </w:style>
  <w:style w:type="character" w:styleId="PlaceholderText">
    <w:name w:val="Placeholder Text"/>
    <w:basedOn w:val="DefaultParagraphFont"/>
    <w:uiPriority w:val="99"/>
    <w:semiHidden/>
    <w:rsid w:val="00D33384"/>
    <w:rPr>
      <w:color w:val="808080"/>
    </w:rPr>
  </w:style>
  <w:style w:type="character" w:customStyle="1" w:styleId="Heading1Char">
    <w:name w:val="Heading 1 Char"/>
    <w:basedOn w:val="DefaultParagraphFont"/>
    <w:link w:val="Heading1"/>
    <w:uiPriority w:val="9"/>
    <w:rsid w:val="000E588C"/>
    <w:rPr>
      <w:rFonts w:asciiTheme="majorHAnsi" w:eastAsiaTheme="majorEastAsia" w:hAnsiTheme="majorHAnsi" w:cstheme="majorBidi"/>
      <w:b/>
      <w:bCs/>
      <w:color w:val="365F91" w:themeColor="accent1" w:themeShade="BF"/>
      <w:sz w:val="28"/>
      <w:szCs w:val="28"/>
    </w:rPr>
  </w:style>
  <w:style w:type="paragraph" w:customStyle="1" w:styleId="AuthorName">
    <w:name w:val="Author Name"/>
    <w:basedOn w:val="Normal"/>
    <w:next w:val="Normal"/>
    <w:rsid w:val="005B3B72"/>
    <w:pPr>
      <w:spacing w:before="360" w:after="360" w:line="240" w:lineRule="auto"/>
      <w:jc w:val="center"/>
    </w:pPr>
    <w:rPr>
      <w:rFonts w:ascii="Times New Roman" w:eastAsia="Times New Roman" w:hAnsi="Times New Roman" w:cs="Times New Roman"/>
      <w:sz w:val="28"/>
      <w:szCs w:val="20"/>
    </w:rPr>
  </w:style>
  <w:style w:type="paragraph" w:customStyle="1" w:styleId="AuthorAffiliation">
    <w:name w:val="Author Affiliation"/>
    <w:basedOn w:val="Normal"/>
    <w:rsid w:val="005B3B72"/>
    <w:pPr>
      <w:spacing w:after="0" w:line="240" w:lineRule="auto"/>
      <w:jc w:val="center"/>
    </w:pPr>
    <w:rPr>
      <w:rFonts w:ascii="Times New Roman" w:eastAsia="Times New Roman" w:hAnsi="Times New Roman" w:cs="Times New Roman"/>
      <w:i/>
      <w:sz w:val="20"/>
      <w:szCs w:val="20"/>
    </w:rPr>
  </w:style>
  <w:style w:type="character" w:styleId="FollowedHyperlink">
    <w:name w:val="FollowedHyperlink"/>
    <w:basedOn w:val="DefaultParagraphFont"/>
    <w:uiPriority w:val="99"/>
    <w:semiHidden/>
    <w:unhideWhenUsed/>
    <w:rsid w:val="001C3CD5"/>
    <w:rPr>
      <w:color w:val="800080" w:themeColor="followedHyperlink"/>
      <w:u w:val="single"/>
    </w:rPr>
  </w:style>
  <w:style w:type="character" w:styleId="UnresolvedMention">
    <w:name w:val="Unresolved Mention"/>
    <w:basedOn w:val="DefaultParagraphFont"/>
    <w:uiPriority w:val="99"/>
    <w:semiHidden/>
    <w:unhideWhenUsed/>
    <w:rsid w:val="00FD69EB"/>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5495721">
      <w:bodyDiv w:val="1"/>
      <w:marLeft w:val="0"/>
      <w:marRight w:val="0"/>
      <w:marTop w:val="0"/>
      <w:marBottom w:val="0"/>
      <w:divBdr>
        <w:top w:val="none" w:sz="0" w:space="0" w:color="auto"/>
        <w:left w:val="none" w:sz="0" w:space="0" w:color="auto"/>
        <w:bottom w:val="none" w:sz="0" w:space="0" w:color="auto"/>
        <w:right w:val="none" w:sz="0" w:space="0" w:color="auto"/>
      </w:divBdr>
    </w:div>
    <w:div w:id="97222063">
      <w:bodyDiv w:val="1"/>
      <w:marLeft w:val="0"/>
      <w:marRight w:val="0"/>
      <w:marTop w:val="0"/>
      <w:marBottom w:val="0"/>
      <w:divBdr>
        <w:top w:val="none" w:sz="0" w:space="0" w:color="auto"/>
        <w:left w:val="none" w:sz="0" w:space="0" w:color="auto"/>
        <w:bottom w:val="none" w:sz="0" w:space="0" w:color="auto"/>
        <w:right w:val="none" w:sz="0" w:space="0" w:color="auto"/>
      </w:divBdr>
    </w:div>
    <w:div w:id="145440749">
      <w:bodyDiv w:val="1"/>
      <w:marLeft w:val="0"/>
      <w:marRight w:val="0"/>
      <w:marTop w:val="0"/>
      <w:marBottom w:val="0"/>
      <w:divBdr>
        <w:top w:val="none" w:sz="0" w:space="0" w:color="auto"/>
        <w:left w:val="none" w:sz="0" w:space="0" w:color="auto"/>
        <w:bottom w:val="none" w:sz="0" w:space="0" w:color="auto"/>
        <w:right w:val="none" w:sz="0" w:space="0" w:color="auto"/>
      </w:divBdr>
    </w:div>
    <w:div w:id="202056203">
      <w:bodyDiv w:val="1"/>
      <w:marLeft w:val="0"/>
      <w:marRight w:val="0"/>
      <w:marTop w:val="0"/>
      <w:marBottom w:val="0"/>
      <w:divBdr>
        <w:top w:val="none" w:sz="0" w:space="0" w:color="auto"/>
        <w:left w:val="none" w:sz="0" w:space="0" w:color="auto"/>
        <w:bottom w:val="none" w:sz="0" w:space="0" w:color="auto"/>
        <w:right w:val="none" w:sz="0" w:space="0" w:color="auto"/>
      </w:divBdr>
    </w:div>
    <w:div w:id="229269150">
      <w:bodyDiv w:val="1"/>
      <w:marLeft w:val="0"/>
      <w:marRight w:val="0"/>
      <w:marTop w:val="0"/>
      <w:marBottom w:val="0"/>
      <w:divBdr>
        <w:top w:val="none" w:sz="0" w:space="0" w:color="auto"/>
        <w:left w:val="none" w:sz="0" w:space="0" w:color="auto"/>
        <w:bottom w:val="none" w:sz="0" w:space="0" w:color="auto"/>
        <w:right w:val="none" w:sz="0" w:space="0" w:color="auto"/>
      </w:divBdr>
    </w:div>
    <w:div w:id="269972537">
      <w:bodyDiv w:val="1"/>
      <w:marLeft w:val="0"/>
      <w:marRight w:val="0"/>
      <w:marTop w:val="0"/>
      <w:marBottom w:val="0"/>
      <w:divBdr>
        <w:top w:val="none" w:sz="0" w:space="0" w:color="auto"/>
        <w:left w:val="none" w:sz="0" w:space="0" w:color="auto"/>
        <w:bottom w:val="none" w:sz="0" w:space="0" w:color="auto"/>
        <w:right w:val="none" w:sz="0" w:space="0" w:color="auto"/>
      </w:divBdr>
    </w:div>
    <w:div w:id="305745034">
      <w:bodyDiv w:val="1"/>
      <w:marLeft w:val="0"/>
      <w:marRight w:val="0"/>
      <w:marTop w:val="0"/>
      <w:marBottom w:val="0"/>
      <w:divBdr>
        <w:top w:val="none" w:sz="0" w:space="0" w:color="auto"/>
        <w:left w:val="none" w:sz="0" w:space="0" w:color="auto"/>
        <w:bottom w:val="none" w:sz="0" w:space="0" w:color="auto"/>
        <w:right w:val="none" w:sz="0" w:space="0" w:color="auto"/>
      </w:divBdr>
    </w:div>
    <w:div w:id="429393471">
      <w:bodyDiv w:val="1"/>
      <w:marLeft w:val="0"/>
      <w:marRight w:val="0"/>
      <w:marTop w:val="0"/>
      <w:marBottom w:val="0"/>
      <w:divBdr>
        <w:top w:val="none" w:sz="0" w:space="0" w:color="auto"/>
        <w:left w:val="none" w:sz="0" w:space="0" w:color="auto"/>
        <w:bottom w:val="none" w:sz="0" w:space="0" w:color="auto"/>
        <w:right w:val="none" w:sz="0" w:space="0" w:color="auto"/>
      </w:divBdr>
    </w:div>
    <w:div w:id="480735472">
      <w:bodyDiv w:val="1"/>
      <w:marLeft w:val="0"/>
      <w:marRight w:val="0"/>
      <w:marTop w:val="0"/>
      <w:marBottom w:val="0"/>
      <w:divBdr>
        <w:top w:val="none" w:sz="0" w:space="0" w:color="auto"/>
        <w:left w:val="none" w:sz="0" w:space="0" w:color="auto"/>
        <w:bottom w:val="none" w:sz="0" w:space="0" w:color="auto"/>
        <w:right w:val="none" w:sz="0" w:space="0" w:color="auto"/>
      </w:divBdr>
    </w:div>
    <w:div w:id="596597185">
      <w:bodyDiv w:val="1"/>
      <w:marLeft w:val="0"/>
      <w:marRight w:val="0"/>
      <w:marTop w:val="0"/>
      <w:marBottom w:val="0"/>
      <w:divBdr>
        <w:top w:val="none" w:sz="0" w:space="0" w:color="auto"/>
        <w:left w:val="none" w:sz="0" w:space="0" w:color="auto"/>
        <w:bottom w:val="none" w:sz="0" w:space="0" w:color="auto"/>
        <w:right w:val="none" w:sz="0" w:space="0" w:color="auto"/>
      </w:divBdr>
    </w:div>
    <w:div w:id="687022314">
      <w:bodyDiv w:val="1"/>
      <w:marLeft w:val="0"/>
      <w:marRight w:val="0"/>
      <w:marTop w:val="0"/>
      <w:marBottom w:val="0"/>
      <w:divBdr>
        <w:top w:val="none" w:sz="0" w:space="0" w:color="auto"/>
        <w:left w:val="none" w:sz="0" w:space="0" w:color="auto"/>
        <w:bottom w:val="none" w:sz="0" w:space="0" w:color="auto"/>
        <w:right w:val="none" w:sz="0" w:space="0" w:color="auto"/>
      </w:divBdr>
      <w:divsChild>
        <w:div w:id="1230262559">
          <w:marLeft w:val="0"/>
          <w:marRight w:val="0"/>
          <w:marTop w:val="0"/>
          <w:marBottom w:val="0"/>
          <w:divBdr>
            <w:top w:val="none" w:sz="0" w:space="0" w:color="auto"/>
            <w:left w:val="none" w:sz="0" w:space="0" w:color="auto"/>
            <w:bottom w:val="none" w:sz="0" w:space="0" w:color="auto"/>
            <w:right w:val="none" w:sz="0" w:space="0" w:color="auto"/>
          </w:divBdr>
        </w:div>
        <w:div w:id="864026932">
          <w:marLeft w:val="0"/>
          <w:marRight w:val="0"/>
          <w:marTop w:val="0"/>
          <w:marBottom w:val="0"/>
          <w:divBdr>
            <w:top w:val="none" w:sz="0" w:space="0" w:color="auto"/>
            <w:left w:val="none" w:sz="0" w:space="0" w:color="auto"/>
            <w:bottom w:val="none" w:sz="0" w:space="0" w:color="auto"/>
            <w:right w:val="none" w:sz="0" w:space="0" w:color="auto"/>
          </w:divBdr>
        </w:div>
      </w:divsChild>
    </w:div>
    <w:div w:id="723528556">
      <w:bodyDiv w:val="1"/>
      <w:marLeft w:val="0"/>
      <w:marRight w:val="0"/>
      <w:marTop w:val="0"/>
      <w:marBottom w:val="0"/>
      <w:divBdr>
        <w:top w:val="none" w:sz="0" w:space="0" w:color="auto"/>
        <w:left w:val="none" w:sz="0" w:space="0" w:color="auto"/>
        <w:bottom w:val="none" w:sz="0" w:space="0" w:color="auto"/>
        <w:right w:val="none" w:sz="0" w:space="0" w:color="auto"/>
      </w:divBdr>
      <w:divsChild>
        <w:div w:id="454057561">
          <w:marLeft w:val="0"/>
          <w:marRight w:val="0"/>
          <w:marTop w:val="0"/>
          <w:marBottom w:val="0"/>
          <w:divBdr>
            <w:top w:val="none" w:sz="0" w:space="0" w:color="auto"/>
            <w:left w:val="none" w:sz="0" w:space="0" w:color="auto"/>
            <w:bottom w:val="none" w:sz="0" w:space="0" w:color="auto"/>
            <w:right w:val="none" w:sz="0" w:space="0" w:color="auto"/>
          </w:divBdr>
        </w:div>
      </w:divsChild>
    </w:div>
    <w:div w:id="894779968">
      <w:bodyDiv w:val="1"/>
      <w:marLeft w:val="0"/>
      <w:marRight w:val="0"/>
      <w:marTop w:val="0"/>
      <w:marBottom w:val="0"/>
      <w:divBdr>
        <w:top w:val="none" w:sz="0" w:space="0" w:color="auto"/>
        <w:left w:val="none" w:sz="0" w:space="0" w:color="auto"/>
        <w:bottom w:val="none" w:sz="0" w:space="0" w:color="auto"/>
        <w:right w:val="none" w:sz="0" w:space="0" w:color="auto"/>
      </w:divBdr>
    </w:div>
    <w:div w:id="1260413102">
      <w:bodyDiv w:val="1"/>
      <w:marLeft w:val="0"/>
      <w:marRight w:val="0"/>
      <w:marTop w:val="0"/>
      <w:marBottom w:val="0"/>
      <w:divBdr>
        <w:top w:val="none" w:sz="0" w:space="0" w:color="auto"/>
        <w:left w:val="none" w:sz="0" w:space="0" w:color="auto"/>
        <w:bottom w:val="none" w:sz="0" w:space="0" w:color="auto"/>
        <w:right w:val="none" w:sz="0" w:space="0" w:color="auto"/>
      </w:divBdr>
    </w:div>
    <w:div w:id="1371613160">
      <w:bodyDiv w:val="1"/>
      <w:marLeft w:val="0"/>
      <w:marRight w:val="0"/>
      <w:marTop w:val="0"/>
      <w:marBottom w:val="0"/>
      <w:divBdr>
        <w:top w:val="none" w:sz="0" w:space="0" w:color="auto"/>
        <w:left w:val="none" w:sz="0" w:space="0" w:color="auto"/>
        <w:bottom w:val="none" w:sz="0" w:space="0" w:color="auto"/>
        <w:right w:val="none" w:sz="0" w:space="0" w:color="auto"/>
      </w:divBdr>
    </w:div>
    <w:div w:id="1475681169">
      <w:bodyDiv w:val="1"/>
      <w:marLeft w:val="0"/>
      <w:marRight w:val="0"/>
      <w:marTop w:val="0"/>
      <w:marBottom w:val="0"/>
      <w:divBdr>
        <w:top w:val="none" w:sz="0" w:space="0" w:color="auto"/>
        <w:left w:val="none" w:sz="0" w:space="0" w:color="auto"/>
        <w:bottom w:val="none" w:sz="0" w:space="0" w:color="auto"/>
        <w:right w:val="none" w:sz="0" w:space="0" w:color="auto"/>
      </w:divBdr>
    </w:div>
    <w:div w:id="176491198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7.png"/><Relationship Id="rId18" Type="http://schemas.openxmlformats.org/officeDocument/2006/relationships/chart" Target="charts/chart3.xml"/><Relationship Id="rId26" Type="http://schemas.openxmlformats.org/officeDocument/2006/relationships/hyperlink" Target="https://doi.org/10.1088/1742-6596/1531/1/012013" TargetMode="External"/><Relationship Id="rId39" Type="http://schemas.openxmlformats.org/officeDocument/2006/relationships/hyperlink" Target="https://doi.org/10.1088/1742-6596/3028/1/012044" TargetMode="External"/><Relationship Id="rId21" Type="http://schemas.openxmlformats.org/officeDocument/2006/relationships/chart" Target="charts/chart5.xml"/><Relationship Id="rId34" Type="http://schemas.openxmlformats.org/officeDocument/2006/relationships/hyperlink" Target="https://doi.org/10.18280/acsm.490311" TargetMode="External"/><Relationship Id="rId42" Type="http://schemas.openxmlformats.org/officeDocument/2006/relationships/hyperlink" Target="https://doi.org/10.1016/j.ssc.2023.115260" TargetMode="External"/><Relationship Id="rId47" Type="http://schemas.openxmlformats.org/officeDocument/2006/relationships/fontTable" Target="fontTable.xml"/><Relationship Id="rId7" Type="http://schemas.openxmlformats.org/officeDocument/2006/relationships/image" Target="media/image1.png"/><Relationship Id="rId2" Type="http://schemas.openxmlformats.org/officeDocument/2006/relationships/styles" Target="styles.xml"/><Relationship Id="rId16" Type="http://schemas.openxmlformats.org/officeDocument/2006/relationships/chart" Target="charts/chart1.xml"/><Relationship Id="rId29" Type="http://schemas.openxmlformats.org/officeDocument/2006/relationships/hyperlink" Target="https://doi.org/10.1088/1742-6596/776/1/012061" TargetMode="Externa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jpeg"/><Relationship Id="rId24" Type="http://schemas.openxmlformats.org/officeDocument/2006/relationships/hyperlink" Target="https://doi.org/10.1002/adma.201503080" TargetMode="External"/><Relationship Id="rId32" Type="http://schemas.openxmlformats.org/officeDocument/2006/relationships/hyperlink" Target="https://doi.org/10.1063/5.0031525" TargetMode="External"/><Relationship Id="rId37" Type="http://schemas.openxmlformats.org/officeDocument/2006/relationships/hyperlink" Target="https://doi.org/10.1088/1742-6596/2857/1/012051" TargetMode="External"/><Relationship Id="rId40" Type="http://schemas.openxmlformats.org/officeDocument/2006/relationships/hyperlink" Target="https://doi.org/10.30526/33.3.2471" TargetMode="External"/><Relationship Id="rId45" Type="http://schemas.openxmlformats.org/officeDocument/2006/relationships/hyperlink" Target="https://doi.org/10.1016/j.egypro.2018.11.192" TargetMode="External"/><Relationship Id="rId5" Type="http://schemas.openxmlformats.org/officeDocument/2006/relationships/footnotes" Target="footnotes.xml"/><Relationship Id="rId15" Type="http://schemas.openxmlformats.org/officeDocument/2006/relationships/image" Target="media/image9.jpeg"/><Relationship Id="rId23" Type="http://schemas.openxmlformats.org/officeDocument/2006/relationships/hyperlink" Target="https://doi.org/10.1016/j.commatsci.2009.11.038" TargetMode="External"/><Relationship Id="rId28" Type="http://schemas.openxmlformats.org/officeDocument/2006/relationships/hyperlink" Target="https://doi.org/10.21272/jnep.9(2).02019" TargetMode="External"/><Relationship Id="rId36" Type="http://schemas.openxmlformats.org/officeDocument/2006/relationships/hyperlink" Target="https://doi.org/10.1088/1742-6596/1879/3/032058" TargetMode="External"/><Relationship Id="rId10" Type="http://schemas.openxmlformats.org/officeDocument/2006/relationships/image" Target="media/image4.jpeg"/><Relationship Id="rId19" Type="http://schemas.openxmlformats.org/officeDocument/2006/relationships/image" Target="media/image10.png"/><Relationship Id="rId31" Type="http://schemas.openxmlformats.org/officeDocument/2006/relationships/hyperlink" Target="https://doi.org/10.1088/1757-899X/928/7/072011" TargetMode="External"/><Relationship Id="rId44" Type="http://schemas.openxmlformats.org/officeDocument/2006/relationships/hyperlink" Target="https://doi.org/10.1088/1742-6596/2857/1/012010" TargetMode="Externa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jpeg"/><Relationship Id="rId22" Type="http://schemas.openxmlformats.org/officeDocument/2006/relationships/hyperlink" Target="https://doi.org/10.1016/j.tsf.2015.09.026" TargetMode="External"/><Relationship Id="rId27" Type="http://schemas.openxmlformats.org/officeDocument/2006/relationships/hyperlink" Target="http://dx.doi.org/10.21123/bsj.2018.15.2.0227" TargetMode="External"/><Relationship Id="rId30" Type="http://schemas.openxmlformats.org/officeDocument/2006/relationships/hyperlink" Target="https://doi.org/10.1007/s12034-024-03270-9" TargetMode="External"/><Relationship Id="rId35" Type="http://schemas.openxmlformats.org/officeDocument/2006/relationships/hyperlink" Target="https://doi.org/10.15251/djnb.2025.201.191" TargetMode="External"/><Relationship Id="rId43" Type="http://schemas.openxmlformats.org/officeDocument/2006/relationships/hyperlink" Target="https://doi.org/10.1088/1742-6596/1879/3/032061" TargetMode="External"/><Relationship Id="rId48" Type="http://schemas.openxmlformats.org/officeDocument/2006/relationships/theme" Target="theme/theme1.xml"/><Relationship Id="rId8" Type="http://schemas.openxmlformats.org/officeDocument/2006/relationships/image" Target="media/image2.jpeg"/><Relationship Id="rId3" Type="http://schemas.openxmlformats.org/officeDocument/2006/relationships/settings" Target="settings.xml"/><Relationship Id="rId12" Type="http://schemas.openxmlformats.org/officeDocument/2006/relationships/image" Target="media/image6.jpeg"/><Relationship Id="rId17" Type="http://schemas.openxmlformats.org/officeDocument/2006/relationships/chart" Target="charts/chart2.xml"/><Relationship Id="rId25" Type="http://schemas.openxmlformats.org/officeDocument/2006/relationships/hyperlink" Target="https://doi.org/10.1063/1.3277153" TargetMode="External"/><Relationship Id="rId33" Type="http://schemas.openxmlformats.org/officeDocument/2006/relationships/hyperlink" Target="https://doi.org/10.15251/cl.2022.192.125" TargetMode="External"/><Relationship Id="rId38" Type="http://schemas.openxmlformats.org/officeDocument/2006/relationships/hyperlink" Target="https://doi.org/10.30526/36.3.3020" TargetMode="External"/><Relationship Id="rId46" Type="http://schemas.openxmlformats.org/officeDocument/2006/relationships/hyperlink" Target="https://doi.org/10.1016/j.mssp.2022.107232" TargetMode="External"/><Relationship Id="rId20" Type="http://schemas.openxmlformats.org/officeDocument/2006/relationships/chart" Target="charts/chart4.xml"/><Relationship Id="rId41" Type="http://schemas.openxmlformats.org/officeDocument/2006/relationships/hyperlink" Target="https://doi.org/10.1016/j.egypro.2018.11.181" TargetMode="External"/></Relationships>
</file>

<file path=word/charts/_rels/chart1.xml.rels><?xml version="1.0" encoding="UTF-8" standalone="yes"?>
<Relationships xmlns="http://schemas.openxmlformats.org/package/2006/relationships"><Relationship Id="rId2" Type="http://schemas.openxmlformats.org/officeDocument/2006/relationships/package" Target="../embeddings/Microsoft_Excel_Worksheet.xlsx"/><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package" Target="../embeddings/Microsoft_Excel_Worksheet1.xlsx"/><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package" Target="../embeddings/Microsoft_Excel_Worksheet2.xlsx"/><Relationship Id="rId1" Type="http://schemas.openxmlformats.org/officeDocument/2006/relationships/themeOverride" Target="../theme/themeOverride3.xml"/></Relationships>
</file>

<file path=word/charts/_rels/chart4.xml.rels><?xml version="1.0" encoding="UTF-8" standalone="yes"?>
<Relationships xmlns="http://schemas.openxmlformats.org/package/2006/relationships"><Relationship Id="rId3" Type="http://schemas.openxmlformats.org/officeDocument/2006/relationships/chartUserShapes" Target="../drawings/drawing2.xml"/><Relationship Id="rId2" Type="http://schemas.openxmlformats.org/officeDocument/2006/relationships/package" Target="../embeddings/Microsoft_Excel_Worksheet3.xlsx"/><Relationship Id="rId1" Type="http://schemas.openxmlformats.org/officeDocument/2006/relationships/themeOverride" Target="../theme/themeOverride4.xml"/></Relationships>
</file>

<file path=word/charts/_rels/chart5.xml.rels><?xml version="1.0" encoding="UTF-8" standalone="yes"?>
<Relationships xmlns="http://schemas.openxmlformats.org/package/2006/relationships"><Relationship Id="rId3" Type="http://schemas.openxmlformats.org/officeDocument/2006/relationships/chartUserShapes" Target="../drawings/drawing3.xml"/><Relationship Id="rId2" Type="http://schemas.openxmlformats.org/officeDocument/2006/relationships/package" Target="../embeddings/Microsoft_Excel_Worksheet4.xlsx"/><Relationship Id="rId1" Type="http://schemas.openxmlformats.org/officeDocument/2006/relationships/themeOverride" Target="../theme/themeOverride5.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3089129483814524"/>
          <c:y val="5.1400554097404488E-2"/>
          <c:w val="0.81512248468941384"/>
          <c:h val="0.73444808982210552"/>
        </c:manualLayout>
      </c:layout>
      <c:scatterChart>
        <c:scatterStyle val="smoothMarker"/>
        <c:varyColors val="0"/>
        <c:ser>
          <c:idx val="0"/>
          <c:order val="0"/>
          <c:tx>
            <c:strRef>
              <c:f>'n300'!$C$1</c:f>
              <c:strCache>
                <c:ptCount val="1"/>
                <c:pt idx="0">
                  <c:v>T(300)%</c:v>
                </c:pt>
              </c:strCache>
            </c:strRef>
          </c:tx>
          <c:marker>
            <c:symbol val="none"/>
          </c:marker>
          <c:xVal>
            <c:numRef>
              <c:f>'n300'!$A$2:$A$1272</c:f>
              <c:numCache>
                <c:formatCode>General</c:formatCode>
                <c:ptCount val="1271"/>
                <c:pt idx="0">
                  <c:v>250</c:v>
                </c:pt>
                <c:pt idx="1">
                  <c:v>252</c:v>
                </c:pt>
                <c:pt idx="2">
                  <c:v>254</c:v>
                </c:pt>
                <c:pt idx="3">
                  <c:v>256</c:v>
                </c:pt>
                <c:pt idx="4">
                  <c:v>258</c:v>
                </c:pt>
                <c:pt idx="5">
                  <c:v>260</c:v>
                </c:pt>
                <c:pt idx="6">
                  <c:v>262</c:v>
                </c:pt>
                <c:pt idx="7">
                  <c:v>264</c:v>
                </c:pt>
                <c:pt idx="8">
                  <c:v>266</c:v>
                </c:pt>
                <c:pt idx="9">
                  <c:v>268</c:v>
                </c:pt>
                <c:pt idx="10">
                  <c:v>270</c:v>
                </c:pt>
                <c:pt idx="11">
                  <c:v>272</c:v>
                </c:pt>
                <c:pt idx="12">
                  <c:v>274</c:v>
                </c:pt>
                <c:pt idx="13">
                  <c:v>276</c:v>
                </c:pt>
                <c:pt idx="14">
                  <c:v>278</c:v>
                </c:pt>
                <c:pt idx="15">
                  <c:v>280</c:v>
                </c:pt>
                <c:pt idx="16">
                  <c:v>282</c:v>
                </c:pt>
                <c:pt idx="17">
                  <c:v>284</c:v>
                </c:pt>
                <c:pt idx="18">
                  <c:v>286</c:v>
                </c:pt>
                <c:pt idx="19">
                  <c:v>288</c:v>
                </c:pt>
                <c:pt idx="20">
                  <c:v>290</c:v>
                </c:pt>
                <c:pt idx="21">
                  <c:v>292</c:v>
                </c:pt>
                <c:pt idx="22">
                  <c:v>294</c:v>
                </c:pt>
                <c:pt idx="23">
                  <c:v>296</c:v>
                </c:pt>
                <c:pt idx="24">
                  <c:v>298</c:v>
                </c:pt>
                <c:pt idx="25">
                  <c:v>300</c:v>
                </c:pt>
                <c:pt idx="26">
                  <c:v>302</c:v>
                </c:pt>
                <c:pt idx="27">
                  <c:v>304</c:v>
                </c:pt>
                <c:pt idx="28">
                  <c:v>306</c:v>
                </c:pt>
                <c:pt idx="29">
                  <c:v>308</c:v>
                </c:pt>
                <c:pt idx="30">
                  <c:v>310</c:v>
                </c:pt>
                <c:pt idx="31">
                  <c:v>312</c:v>
                </c:pt>
                <c:pt idx="32">
                  <c:v>314</c:v>
                </c:pt>
                <c:pt idx="33">
                  <c:v>316</c:v>
                </c:pt>
                <c:pt idx="34">
                  <c:v>318</c:v>
                </c:pt>
                <c:pt idx="35">
                  <c:v>320</c:v>
                </c:pt>
                <c:pt idx="36">
                  <c:v>322</c:v>
                </c:pt>
                <c:pt idx="37">
                  <c:v>324</c:v>
                </c:pt>
                <c:pt idx="38">
                  <c:v>326</c:v>
                </c:pt>
                <c:pt idx="39">
                  <c:v>328</c:v>
                </c:pt>
                <c:pt idx="40">
                  <c:v>330</c:v>
                </c:pt>
                <c:pt idx="41">
                  <c:v>332</c:v>
                </c:pt>
                <c:pt idx="42">
                  <c:v>334</c:v>
                </c:pt>
                <c:pt idx="43">
                  <c:v>336</c:v>
                </c:pt>
                <c:pt idx="44">
                  <c:v>338</c:v>
                </c:pt>
                <c:pt idx="45">
                  <c:v>340</c:v>
                </c:pt>
                <c:pt idx="46">
                  <c:v>342</c:v>
                </c:pt>
                <c:pt idx="47">
                  <c:v>344</c:v>
                </c:pt>
                <c:pt idx="48">
                  <c:v>346</c:v>
                </c:pt>
                <c:pt idx="49">
                  <c:v>348</c:v>
                </c:pt>
                <c:pt idx="50">
                  <c:v>350</c:v>
                </c:pt>
                <c:pt idx="51">
                  <c:v>352</c:v>
                </c:pt>
                <c:pt idx="52">
                  <c:v>354</c:v>
                </c:pt>
                <c:pt idx="53">
                  <c:v>356</c:v>
                </c:pt>
                <c:pt idx="54">
                  <c:v>358</c:v>
                </c:pt>
                <c:pt idx="55">
                  <c:v>360</c:v>
                </c:pt>
                <c:pt idx="56">
                  <c:v>362</c:v>
                </c:pt>
                <c:pt idx="57">
                  <c:v>364</c:v>
                </c:pt>
                <c:pt idx="58">
                  <c:v>366</c:v>
                </c:pt>
                <c:pt idx="59">
                  <c:v>368</c:v>
                </c:pt>
                <c:pt idx="60">
                  <c:v>370</c:v>
                </c:pt>
                <c:pt idx="61">
                  <c:v>372</c:v>
                </c:pt>
                <c:pt idx="62">
                  <c:v>374</c:v>
                </c:pt>
                <c:pt idx="63">
                  <c:v>376</c:v>
                </c:pt>
                <c:pt idx="64">
                  <c:v>378</c:v>
                </c:pt>
                <c:pt idx="65">
                  <c:v>380</c:v>
                </c:pt>
                <c:pt idx="66">
                  <c:v>382</c:v>
                </c:pt>
                <c:pt idx="67">
                  <c:v>384</c:v>
                </c:pt>
                <c:pt idx="68">
                  <c:v>386</c:v>
                </c:pt>
                <c:pt idx="69">
                  <c:v>388</c:v>
                </c:pt>
                <c:pt idx="70">
                  <c:v>390</c:v>
                </c:pt>
                <c:pt idx="71">
                  <c:v>392</c:v>
                </c:pt>
                <c:pt idx="72">
                  <c:v>394</c:v>
                </c:pt>
                <c:pt idx="73">
                  <c:v>396</c:v>
                </c:pt>
                <c:pt idx="74">
                  <c:v>398</c:v>
                </c:pt>
                <c:pt idx="75">
                  <c:v>400</c:v>
                </c:pt>
                <c:pt idx="76">
                  <c:v>402</c:v>
                </c:pt>
                <c:pt idx="77">
                  <c:v>404</c:v>
                </c:pt>
                <c:pt idx="78">
                  <c:v>406</c:v>
                </c:pt>
                <c:pt idx="79">
                  <c:v>408</c:v>
                </c:pt>
                <c:pt idx="80">
                  <c:v>410</c:v>
                </c:pt>
                <c:pt idx="81">
                  <c:v>412</c:v>
                </c:pt>
                <c:pt idx="82">
                  <c:v>414</c:v>
                </c:pt>
                <c:pt idx="83">
                  <c:v>416</c:v>
                </c:pt>
                <c:pt idx="84">
                  <c:v>418</c:v>
                </c:pt>
                <c:pt idx="85">
                  <c:v>420</c:v>
                </c:pt>
                <c:pt idx="86">
                  <c:v>422</c:v>
                </c:pt>
                <c:pt idx="87">
                  <c:v>424</c:v>
                </c:pt>
                <c:pt idx="88">
                  <c:v>426</c:v>
                </c:pt>
                <c:pt idx="89">
                  <c:v>428</c:v>
                </c:pt>
                <c:pt idx="90">
                  <c:v>430</c:v>
                </c:pt>
                <c:pt idx="91">
                  <c:v>432</c:v>
                </c:pt>
                <c:pt idx="92">
                  <c:v>434</c:v>
                </c:pt>
                <c:pt idx="93">
                  <c:v>436</c:v>
                </c:pt>
                <c:pt idx="94">
                  <c:v>438</c:v>
                </c:pt>
                <c:pt idx="95">
                  <c:v>440</c:v>
                </c:pt>
                <c:pt idx="96">
                  <c:v>442</c:v>
                </c:pt>
                <c:pt idx="97">
                  <c:v>444</c:v>
                </c:pt>
                <c:pt idx="98">
                  <c:v>446</c:v>
                </c:pt>
                <c:pt idx="99">
                  <c:v>448</c:v>
                </c:pt>
                <c:pt idx="100">
                  <c:v>450</c:v>
                </c:pt>
                <c:pt idx="101">
                  <c:v>452</c:v>
                </c:pt>
                <c:pt idx="102">
                  <c:v>454</c:v>
                </c:pt>
                <c:pt idx="103">
                  <c:v>456</c:v>
                </c:pt>
                <c:pt idx="104">
                  <c:v>458</c:v>
                </c:pt>
                <c:pt idx="105">
                  <c:v>460</c:v>
                </c:pt>
                <c:pt idx="106">
                  <c:v>462</c:v>
                </c:pt>
                <c:pt idx="107">
                  <c:v>464</c:v>
                </c:pt>
                <c:pt idx="108">
                  <c:v>466</c:v>
                </c:pt>
                <c:pt idx="109">
                  <c:v>468</c:v>
                </c:pt>
                <c:pt idx="110">
                  <c:v>470</c:v>
                </c:pt>
                <c:pt idx="111">
                  <c:v>472</c:v>
                </c:pt>
                <c:pt idx="112">
                  <c:v>474</c:v>
                </c:pt>
                <c:pt idx="113">
                  <c:v>476</c:v>
                </c:pt>
                <c:pt idx="114">
                  <c:v>478</c:v>
                </c:pt>
                <c:pt idx="115">
                  <c:v>480</c:v>
                </c:pt>
                <c:pt idx="116">
                  <c:v>482</c:v>
                </c:pt>
                <c:pt idx="117">
                  <c:v>484</c:v>
                </c:pt>
                <c:pt idx="118">
                  <c:v>486</c:v>
                </c:pt>
                <c:pt idx="119">
                  <c:v>488</c:v>
                </c:pt>
                <c:pt idx="120">
                  <c:v>490</c:v>
                </c:pt>
                <c:pt idx="121">
                  <c:v>492</c:v>
                </c:pt>
                <c:pt idx="122">
                  <c:v>494</c:v>
                </c:pt>
                <c:pt idx="123">
                  <c:v>496</c:v>
                </c:pt>
                <c:pt idx="124">
                  <c:v>498</c:v>
                </c:pt>
                <c:pt idx="125">
                  <c:v>500</c:v>
                </c:pt>
                <c:pt idx="126">
                  <c:v>502</c:v>
                </c:pt>
                <c:pt idx="127">
                  <c:v>504</c:v>
                </c:pt>
                <c:pt idx="128">
                  <c:v>506</c:v>
                </c:pt>
                <c:pt idx="129">
                  <c:v>508</c:v>
                </c:pt>
                <c:pt idx="130">
                  <c:v>510</c:v>
                </c:pt>
                <c:pt idx="131">
                  <c:v>512</c:v>
                </c:pt>
                <c:pt idx="132">
                  <c:v>514</c:v>
                </c:pt>
                <c:pt idx="133">
                  <c:v>516</c:v>
                </c:pt>
                <c:pt idx="134">
                  <c:v>518</c:v>
                </c:pt>
                <c:pt idx="135">
                  <c:v>520</c:v>
                </c:pt>
                <c:pt idx="136">
                  <c:v>522</c:v>
                </c:pt>
                <c:pt idx="137">
                  <c:v>524</c:v>
                </c:pt>
                <c:pt idx="138">
                  <c:v>526</c:v>
                </c:pt>
                <c:pt idx="139">
                  <c:v>528</c:v>
                </c:pt>
                <c:pt idx="140">
                  <c:v>530</c:v>
                </c:pt>
                <c:pt idx="141">
                  <c:v>532</c:v>
                </c:pt>
                <c:pt idx="142">
                  <c:v>534</c:v>
                </c:pt>
                <c:pt idx="143">
                  <c:v>536</c:v>
                </c:pt>
                <c:pt idx="144">
                  <c:v>538</c:v>
                </c:pt>
                <c:pt idx="145">
                  <c:v>540</c:v>
                </c:pt>
                <c:pt idx="146">
                  <c:v>542</c:v>
                </c:pt>
                <c:pt idx="147">
                  <c:v>544</c:v>
                </c:pt>
                <c:pt idx="148">
                  <c:v>546</c:v>
                </c:pt>
                <c:pt idx="149">
                  <c:v>548</c:v>
                </c:pt>
                <c:pt idx="150">
                  <c:v>550</c:v>
                </c:pt>
                <c:pt idx="151">
                  <c:v>552</c:v>
                </c:pt>
                <c:pt idx="152">
                  <c:v>554</c:v>
                </c:pt>
                <c:pt idx="153">
                  <c:v>556</c:v>
                </c:pt>
                <c:pt idx="154">
                  <c:v>558</c:v>
                </c:pt>
                <c:pt idx="155">
                  <c:v>560</c:v>
                </c:pt>
                <c:pt idx="156">
                  <c:v>562</c:v>
                </c:pt>
                <c:pt idx="157">
                  <c:v>564</c:v>
                </c:pt>
                <c:pt idx="158">
                  <c:v>566</c:v>
                </c:pt>
                <c:pt idx="159">
                  <c:v>568</c:v>
                </c:pt>
                <c:pt idx="160">
                  <c:v>570</c:v>
                </c:pt>
                <c:pt idx="161">
                  <c:v>572</c:v>
                </c:pt>
                <c:pt idx="162">
                  <c:v>574</c:v>
                </c:pt>
                <c:pt idx="163">
                  <c:v>576</c:v>
                </c:pt>
                <c:pt idx="164">
                  <c:v>578</c:v>
                </c:pt>
                <c:pt idx="165">
                  <c:v>580</c:v>
                </c:pt>
                <c:pt idx="166">
                  <c:v>582</c:v>
                </c:pt>
                <c:pt idx="167">
                  <c:v>584</c:v>
                </c:pt>
                <c:pt idx="168">
                  <c:v>586</c:v>
                </c:pt>
                <c:pt idx="169">
                  <c:v>588</c:v>
                </c:pt>
                <c:pt idx="170">
                  <c:v>590</c:v>
                </c:pt>
                <c:pt idx="171">
                  <c:v>592</c:v>
                </c:pt>
                <c:pt idx="172">
                  <c:v>594</c:v>
                </c:pt>
                <c:pt idx="173">
                  <c:v>596</c:v>
                </c:pt>
                <c:pt idx="174">
                  <c:v>598</c:v>
                </c:pt>
                <c:pt idx="175">
                  <c:v>600</c:v>
                </c:pt>
                <c:pt idx="176">
                  <c:v>602</c:v>
                </c:pt>
                <c:pt idx="177">
                  <c:v>604</c:v>
                </c:pt>
                <c:pt idx="178">
                  <c:v>606</c:v>
                </c:pt>
                <c:pt idx="179">
                  <c:v>608</c:v>
                </c:pt>
                <c:pt idx="180">
                  <c:v>610</c:v>
                </c:pt>
                <c:pt idx="181">
                  <c:v>612</c:v>
                </c:pt>
                <c:pt idx="182">
                  <c:v>614</c:v>
                </c:pt>
                <c:pt idx="183">
                  <c:v>616</c:v>
                </c:pt>
                <c:pt idx="184">
                  <c:v>618</c:v>
                </c:pt>
                <c:pt idx="185">
                  <c:v>620</c:v>
                </c:pt>
                <c:pt idx="186">
                  <c:v>622</c:v>
                </c:pt>
                <c:pt idx="187">
                  <c:v>624</c:v>
                </c:pt>
                <c:pt idx="188">
                  <c:v>626</c:v>
                </c:pt>
                <c:pt idx="189">
                  <c:v>628</c:v>
                </c:pt>
                <c:pt idx="190">
                  <c:v>630</c:v>
                </c:pt>
                <c:pt idx="191">
                  <c:v>632</c:v>
                </c:pt>
                <c:pt idx="192">
                  <c:v>634</c:v>
                </c:pt>
                <c:pt idx="193">
                  <c:v>636</c:v>
                </c:pt>
                <c:pt idx="194">
                  <c:v>638</c:v>
                </c:pt>
                <c:pt idx="195">
                  <c:v>640</c:v>
                </c:pt>
                <c:pt idx="196">
                  <c:v>642</c:v>
                </c:pt>
                <c:pt idx="197">
                  <c:v>644</c:v>
                </c:pt>
                <c:pt idx="198">
                  <c:v>646</c:v>
                </c:pt>
                <c:pt idx="199">
                  <c:v>648</c:v>
                </c:pt>
                <c:pt idx="200">
                  <c:v>650</c:v>
                </c:pt>
                <c:pt idx="201">
                  <c:v>652</c:v>
                </c:pt>
                <c:pt idx="202">
                  <c:v>654</c:v>
                </c:pt>
                <c:pt idx="203">
                  <c:v>656</c:v>
                </c:pt>
                <c:pt idx="204">
                  <c:v>658</c:v>
                </c:pt>
                <c:pt idx="205">
                  <c:v>660</c:v>
                </c:pt>
                <c:pt idx="206">
                  <c:v>662</c:v>
                </c:pt>
                <c:pt idx="207">
                  <c:v>664</c:v>
                </c:pt>
                <c:pt idx="208">
                  <c:v>666</c:v>
                </c:pt>
                <c:pt idx="209">
                  <c:v>668</c:v>
                </c:pt>
                <c:pt idx="210">
                  <c:v>670</c:v>
                </c:pt>
                <c:pt idx="211">
                  <c:v>672</c:v>
                </c:pt>
                <c:pt idx="212">
                  <c:v>674</c:v>
                </c:pt>
                <c:pt idx="213">
                  <c:v>676</c:v>
                </c:pt>
                <c:pt idx="214">
                  <c:v>678</c:v>
                </c:pt>
                <c:pt idx="215">
                  <c:v>680</c:v>
                </c:pt>
                <c:pt idx="216">
                  <c:v>682</c:v>
                </c:pt>
                <c:pt idx="217">
                  <c:v>684</c:v>
                </c:pt>
                <c:pt idx="218">
                  <c:v>686</c:v>
                </c:pt>
                <c:pt idx="219">
                  <c:v>688</c:v>
                </c:pt>
                <c:pt idx="220">
                  <c:v>690</c:v>
                </c:pt>
                <c:pt idx="221">
                  <c:v>692</c:v>
                </c:pt>
                <c:pt idx="222">
                  <c:v>694</c:v>
                </c:pt>
                <c:pt idx="223">
                  <c:v>696</c:v>
                </c:pt>
                <c:pt idx="224">
                  <c:v>698</c:v>
                </c:pt>
                <c:pt idx="225">
                  <c:v>700</c:v>
                </c:pt>
                <c:pt idx="226">
                  <c:v>702</c:v>
                </c:pt>
                <c:pt idx="227">
                  <c:v>704</c:v>
                </c:pt>
                <c:pt idx="228">
                  <c:v>706</c:v>
                </c:pt>
                <c:pt idx="229">
                  <c:v>708</c:v>
                </c:pt>
                <c:pt idx="230">
                  <c:v>710</c:v>
                </c:pt>
                <c:pt idx="231">
                  <c:v>712</c:v>
                </c:pt>
                <c:pt idx="232">
                  <c:v>714</c:v>
                </c:pt>
                <c:pt idx="233">
                  <c:v>716</c:v>
                </c:pt>
                <c:pt idx="234">
                  <c:v>718</c:v>
                </c:pt>
                <c:pt idx="235">
                  <c:v>720</c:v>
                </c:pt>
                <c:pt idx="236">
                  <c:v>722</c:v>
                </c:pt>
                <c:pt idx="237">
                  <c:v>724</c:v>
                </c:pt>
                <c:pt idx="238">
                  <c:v>726</c:v>
                </c:pt>
                <c:pt idx="239">
                  <c:v>728</c:v>
                </c:pt>
                <c:pt idx="240">
                  <c:v>730</c:v>
                </c:pt>
                <c:pt idx="241">
                  <c:v>732</c:v>
                </c:pt>
                <c:pt idx="242">
                  <c:v>734</c:v>
                </c:pt>
                <c:pt idx="243">
                  <c:v>736</c:v>
                </c:pt>
                <c:pt idx="244">
                  <c:v>738</c:v>
                </c:pt>
                <c:pt idx="245">
                  <c:v>740</c:v>
                </c:pt>
                <c:pt idx="246">
                  <c:v>742</c:v>
                </c:pt>
                <c:pt idx="247">
                  <c:v>744</c:v>
                </c:pt>
                <c:pt idx="248">
                  <c:v>746</c:v>
                </c:pt>
                <c:pt idx="249">
                  <c:v>748</c:v>
                </c:pt>
                <c:pt idx="250">
                  <c:v>750</c:v>
                </c:pt>
                <c:pt idx="251">
                  <c:v>752</c:v>
                </c:pt>
                <c:pt idx="252">
                  <c:v>754</c:v>
                </c:pt>
                <c:pt idx="253">
                  <c:v>756</c:v>
                </c:pt>
                <c:pt idx="254">
                  <c:v>758</c:v>
                </c:pt>
                <c:pt idx="255">
                  <c:v>760</c:v>
                </c:pt>
                <c:pt idx="256">
                  <c:v>762</c:v>
                </c:pt>
                <c:pt idx="257">
                  <c:v>764</c:v>
                </c:pt>
                <c:pt idx="258">
                  <c:v>766</c:v>
                </c:pt>
                <c:pt idx="259">
                  <c:v>768</c:v>
                </c:pt>
                <c:pt idx="260">
                  <c:v>770</c:v>
                </c:pt>
                <c:pt idx="261">
                  <c:v>772</c:v>
                </c:pt>
                <c:pt idx="262">
                  <c:v>774</c:v>
                </c:pt>
                <c:pt idx="263">
                  <c:v>776</c:v>
                </c:pt>
                <c:pt idx="264">
                  <c:v>778</c:v>
                </c:pt>
                <c:pt idx="265">
                  <c:v>780</c:v>
                </c:pt>
                <c:pt idx="266">
                  <c:v>782</c:v>
                </c:pt>
                <c:pt idx="267">
                  <c:v>784</c:v>
                </c:pt>
                <c:pt idx="268">
                  <c:v>786</c:v>
                </c:pt>
                <c:pt idx="269">
                  <c:v>788</c:v>
                </c:pt>
                <c:pt idx="270">
                  <c:v>790</c:v>
                </c:pt>
                <c:pt idx="271">
                  <c:v>792</c:v>
                </c:pt>
                <c:pt idx="272">
                  <c:v>794</c:v>
                </c:pt>
                <c:pt idx="273">
                  <c:v>796</c:v>
                </c:pt>
                <c:pt idx="274">
                  <c:v>798</c:v>
                </c:pt>
                <c:pt idx="275">
                  <c:v>800</c:v>
                </c:pt>
                <c:pt idx="276">
                  <c:v>802</c:v>
                </c:pt>
                <c:pt idx="277">
                  <c:v>804</c:v>
                </c:pt>
                <c:pt idx="278">
                  <c:v>806</c:v>
                </c:pt>
                <c:pt idx="279">
                  <c:v>808</c:v>
                </c:pt>
                <c:pt idx="280">
                  <c:v>810</c:v>
                </c:pt>
                <c:pt idx="281">
                  <c:v>812</c:v>
                </c:pt>
                <c:pt idx="282">
                  <c:v>814</c:v>
                </c:pt>
                <c:pt idx="283">
                  <c:v>816</c:v>
                </c:pt>
                <c:pt idx="284">
                  <c:v>818</c:v>
                </c:pt>
                <c:pt idx="285">
                  <c:v>820</c:v>
                </c:pt>
                <c:pt idx="286">
                  <c:v>822</c:v>
                </c:pt>
                <c:pt idx="287">
                  <c:v>824</c:v>
                </c:pt>
                <c:pt idx="288">
                  <c:v>826</c:v>
                </c:pt>
                <c:pt idx="289">
                  <c:v>828</c:v>
                </c:pt>
                <c:pt idx="290">
                  <c:v>830</c:v>
                </c:pt>
                <c:pt idx="291">
                  <c:v>832</c:v>
                </c:pt>
                <c:pt idx="292">
                  <c:v>834</c:v>
                </c:pt>
                <c:pt idx="293">
                  <c:v>836</c:v>
                </c:pt>
                <c:pt idx="294">
                  <c:v>838</c:v>
                </c:pt>
                <c:pt idx="295">
                  <c:v>840</c:v>
                </c:pt>
                <c:pt idx="296">
                  <c:v>842</c:v>
                </c:pt>
                <c:pt idx="297">
                  <c:v>844</c:v>
                </c:pt>
                <c:pt idx="298">
                  <c:v>846</c:v>
                </c:pt>
                <c:pt idx="299">
                  <c:v>848</c:v>
                </c:pt>
                <c:pt idx="300">
                  <c:v>850</c:v>
                </c:pt>
                <c:pt idx="301">
                  <c:v>852</c:v>
                </c:pt>
                <c:pt idx="302">
                  <c:v>854</c:v>
                </c:pt>
                <c:pt idx="303">
                  <c:v>856</c:v>
                </c:pt>
                <c:pt idx="304">
                  <c:v>858</c:v>
                </c:pt>
                <c:pt idx="305">
                  <c:v>860</c:v>
                </c:pt>
                <c:pt idx="306">
                  <c:v>862</c:v>
                </c:pt>
                <c:pt idx="307">
                  <c:v>864</c:v>
                </c:pt>
                <c:pt idx="308">
                  <c:v>866</c:v>
                </c:pt>
                <c:pt idx="309">
                  <c:v>868</c:v>
                </c:pt>
                <c:pt idx="310">
                  <c:v>870</c:v>
                </c:pt>
                <c:pt idx="311">
                  <c:v>872</c:v>
                </c:pt>
                <c:pt idx="312">
                  <c:v>874</c:v>
                </c:pt>
                <c:pt idx="313">
                  <c:v>876</c:v>
                </c:pt>
                <c:pt idx="314">
                  <c:v>878</c:v>
                </c:pt>
                <c:pt idx="315">
                  <c:v>880</c:v>
                </c:pt>
                <c:pt idx="316">
                  <c:v>882</c:v>
                </c:pt>
                <c:pt idx="317">
                  <c:v>884</c:v>
                </c:pt>
                <c:pt idx="318">
                  <c:v>886</c:v>
                </c:pt>
                <c:pt idx="319">
                  <c:v>888</c:v>
                </c:pt>
                <c:pt idx="320">
                  <c:v>890</c:v>
                </c:pt>
                <c:pt idx="321">
                  <c:v>892</c:v>
                </c:pt>
                <c:pt idx="322">
                  <c:v>894</c:v>
                </c:pt>
                <c:pt idx="323">
                  <c:v>896</c:v>
                </c:pt>
                <c:pt idx="324">
                  <c:v>898</c:v>
                </c:pt>
                <c:pt idx="325">
                  <c:v>900</c:v>
                </c:pt>
                <c:pt idx="326">
                  <c:v>902</c:v>
                </c:pt>
                <c:pt idx="327">
                  <c:v>904</c:v>
                </c:pt>
                <c:pt idx="328">
                  <c:v>906</c:v>
                </c:pt>
                <c:pt idx="329">
                  <c:v>908</c:v>
                </c:pt>
                <c:pt idx="330">
                  <c:v>910</c:v>
                </c:pt>
                <c:pt idx="331">
                  <c:v>912</c:v>
                </c:pt>
                <c:pt idx="332">
                  <c:v>914</c:v>
                </c:pt>
                <c:pt idx="333">
                  <c:v>916</c:v>
                </c:pt>
                <c:pt idx="334">
                  <c:v>918</c:v>
                </c:pt>
                <c:pt idx="335">
                  <c:v>920</c:v>
                </c:pt>
                <c:pt idx="336">
                  <c:v>922</c:v>
                </c:pt>
                <c:pt idx="337">
                  <c:v>924</c:v>
                </c:pt>
                <c:pt idx="338">
                  <c:v>926</c:v>
                </c:pt>
                <c:pt idx="339">
                  <c:v>928</c:v>
                </c:pt>
                <c:pt idx="340">
                  <c:v>930</c:v>
                </c:pt>
                <c:pt idx="341">
                  <c:v>932</c:v>
                </c:pt>
                <c:pt idx="342">
                  <c:v>934</c:v>
                </c:pt>
                <c:pt idx="343">
                  <c:v>936</c:v>
                </c:pt>
                <c:pt idx="344">
                  <c:v>938</c:v>
                </c:pt>
                <c:pt idx="345">
                  <c:v>940</c:v>
                </c:pt>
                <c:pt idx="346">
                  <c:v>942</c:v>
                </c:pt>
                <c:pt idx="347">
                  <c:v>944</c:v>
                </c:pt>
                <c:pt idx="348">
                  <c:v>946</c:v>
                </c:pt>
                <c:pt idx="349">
                  <c:v>948</c:v>
                </c:pt>
                <c:pt idx="350">
                  <c:v>950</c:v>
                </c:pt>
                <c:pt idx="351">
                  <c:v>952</c:v>
                </c:pt>
                <c:pt idx="352">
                  <c:v>954</c:v>
                </c:pt>
                <c:pt idx="353">
                  <c:v>956</c:v>
                </c:pt>
                <c:pt idx="354">
                  <c:v>958</c:v>
                </c:pt>
                <c:pt idx="355">
                  <c:v>960</c:v>
                </c:pt>
                <c:pt idx="356">
                  <c:v>962</c:v>
                </c:pt>
                <c:pt idx="357">
                  <c:v>964</c:v>
                </c:pt>
                <c:pt idx="358">
                  <c:v>966</c:v>
                </c:pt>
                <c:pt idx="359">
                  <c:v>968</c:v>
                </c:pt>
                <c:pt idx="360">
                  <c:v>970</c:v>
                </c:pt>
                <c:pt idx="361">
                  <c:v>972</c:v>
                </c:pt>
                <c:pt idx="362">
                  <c:v>974</c:v>
                </c:pt>
                <c:pt idx="363">
                  <c:v>976</c:v>
                </c:pt>
                <c:pt idx="364">
                  <c:v>978</c:v>
                </c:pt>
                <c:pt idx="365">
                  <c:v>980</c:v>
                </c:pt>
                <c:pt idx="366">
                  <c:v>982</c:v>
                </c:pt>
                <c:pt idx="367">
                  <c:v>984</c:v>
                </c:pt>
                <c:pt idx="368">
                  <c:v>986</c:v>
                </c:pt>
                <c:pt idx="369">
                  <c:v>988</c:v>
                </c:pt>
                <c:pt idx="370">
                  <c:v>990</c:v>
                </c:pt>
                <c:pt idx="371">
                  <c:v>992</c:v>
                </c:pt>
                <c:pt idx="372">
                  <c:v>994</c:v>
                </c:pt>
                <c:pt idx="373">
                  <c:v>996</c:v>
                </c:pt>
                <c:pt idx="374">
                  <c:v>998</c:v>
                </c:pt>
                <c:pt idx="375">
                  <c:v>1000</c:v>
                </c:pt>
                <c:pt idx="376">
                  <c:v>1002</c:v>
                </c:pt>
                <c:pt idx="377">
                  <c:v>1004</c:v>
                </c:pt>
                <c:pt idx="378">
                  <c:v>1006</c:v>
                </c:pt>
                <c:pt idx="379">
                  <c:v>1008</c:v>
                </c:pt>
                <c:pt idx="380">
                  <c:v>1010</c:v>
                </c:pt>
                <c:pt idx="381">
                  <c:v>1012</c:v>
                </c:pt>
                <c:pt idx="382">
                  <c:v>1014</c:v>
                </c:pt>
                <c:pt idx="383">
                  <c:v>1016</c:v>
                </c:pt>
                <c:pt idx="384">
                  <c:v>1018</c:v>
                </c:pt>
                <c:pt idx="385">
                  <c:v>1020</c:v>
                </c:pt>
                <c:pt idx="386">
                  <c:v>1022</c:v>
                </c:pt>
                <c:pt idx="387">
                  <c:v>1024</c:v>
                </c:pt>
                <c:pt idx="388">
                  <c:v>1026</c:v>
                </c:pt>
                <c:pt idx="389">
                  <c:v>1028</c:v>
                </c:pt>
                <c:pt idx="390">
                  <c:v>1030</c:v>
                </c:pt>
                <c:pt idx="391">
                  <c:v>1032</c:v>
                </c:pt>
                <c:pt idx="392">
                  <c:v>1034</c:v>
                </c:pt>
                <c:pt idx="393">
                  <c:v>1036</c:v>
                </c:pt>
                <c:pt idx="394">
                  <c:v>1038</c:v>
                </c:pt>
                <c:pt idx="395">
                  <c:v>1040</c:v>
                </c:pt>
                <c:pt idx="396">
                  <c:v>1042</c:v>
                </c:pt>
                <c:pt idx="397">
                  <c:v>1044</c:v>
                </c:pt>
                <c:pt idx="398">
                  <c:v>1046</c:v>
                </c:pt>
                <c:pt idx="399">
                  <c:v>1048</c:v>
                </c:pt>
                <c:pt idx="400">
                  <c:v>1050</c:v>
                </c:pt>
                <c:pt idx="401">
                  <c:v>1052</c:v>
                </c:pt>
                <c:pt idx="402">
                  <c:v>1054</c:v>
                </c:pt>
                <c:pt idx="403">
                  <c:v>1056</c:v>
                </c:pt>
                <c:pt idx="404">
                  <c:v>1058</c:v>
                </c:pt>
                <c:pt idx="405">
                  <c:v>1060</c:v>
                </c:pt>
                <c:pt idx="406">
                  <c:v>1062</c:v>
                </c:pt>
                <c:pt idx="407">
                  <c:v>1064</c:v>
                </c:pt>
                <c:pt idx="408">
                  <c:v>1066</c:v>
                </c:pt>
                <c:pt idx="409">
                  <c:v>1068</c:v>
                </c:pt>
                <c:pt idx="410">
                  <c:v>1070</c:v>
                </c:pt>
                <c:pt idx="411">
                  <c:v>1072</c:v>
                </c:pt>
                <c:pt idx="412">
                  <c:v>1074</c:v>
                </c:pt>
                <c:pt idx="413">
                  <c:v>1076</c:v>
                </c:pt>
                <c:pt idx="414">
                  <c:v>1078</c:v>
                </c:pt>
                <c:pt idx="415">
                  <c:v>1080</c:v>
                </c:pt>
                <c:pt idx="416">
                  <c:v>1082</c:v>
                </c:pt>
                <c:pt idx="417">
                  <c:v>1084</c:v>
                </c:pt>
                <c:pt idx="418">
                  <c:v>1086</c:v>
                </c:pt>
                <c:pt idx="419">
                  <c:v>1088</c:v>
                </c:pt>
                <c:pt idx="420">
                  <c:v>1090</c:v>
                </c:pt>
                <c:pt idx="421">
                  <c:v>1092</c:v>
                </c:pt>
                <c:pt idx="422">
                  <c:v>1094</c:v>
                </c:pt>
                <c:pt idx="423">
                  <c:v>1096</c:v>
                </c:pt>
                <c:pt idx="424">
                  <c:v>1098</c:v>
                </c:pt>
                <c:pt idx="425">
                  <c:v>1100</c:v>
                </c:pt>
              </c:numCache>
            </c:numRef>
          </c:xVal>
          <c:yVal>
            <c:numRef>
              <c:f>'n300'!$C$2:$C$1272</c:f>
              <c:numCache>
                <c:formatCode>General</c:formatCode>
                <c:ptCount val="1271"/>
                <c:pt idx="0">
                  <c:v>12.941958414499858</c:v>
                </c:pt>
                <c:pt idx="1">
                  <c:v>11.028082338495517</c:v>
                </c:pt>
                <c:pt idx="2">
                  <c:v>13.00918231264524</c:v>
                </c:pt>
                <c:pt idx="3">
                  <c:v>15.821585408495483</c:v>
                </c:pt>
                <c:pt idx="4">
                  <c:v>13.18256738556407</c:v>
                </c:pt>
                <c:pt idx="5">
                  <c:v>14.962356560944334</c:v>
                </c:pt>
                <c:pt idx="6">
                  <c:v>16.500610013202277</c:v>
                </c:pt>
                <c:pt idx="7">
                  <c:v>13.583134465871538</c:v>
                </c:pt>
                <c:pt idx="8">
                  <c:v>13.931568029453029</c:v>
                </c:pt>
                <c:pt idx="9">
                  <c:v>13.614446824659495</c:v>
                </c:pt>
                <c:pt idx="10">
                  <c:v>12.126905686961369</c:v>
                </c:pt>
                <c:pt idx="11">
                  <c:v>13.795898802094591</c:v>
                </c:pt>
                <c:pt idx="12">
                  <c:v>15.092111322996926</c:v>
                </c:pt>
                <c:pt idx="13">
                  <c:v>14.885039792734375</c:v>
                </c:pt>
                <c:pt idx="14">
                  <c:v>13.685163802518213</c:v>
                </c:pt>
                <c:pt idx="15">
                  <c:v>14.198746320236729</c:v>
                </c:pt>
                <c:pt idx="16">
                  <c:v>14.182408815856734</c:v>
                </c:pt>
                <c:pt idx="17">
                  <c:v>14.867912618452545</c:v>
                </c:pt>
                <c:pt idx="18">
                  <c:v>14.109122364580958</c:v>
                </c:pt>
                <c:pt idx="19">
                  <c:v>15.721717924629386</c:v>
                </c:pt>
                <c:pt idx="20">
                  <c:v>13.795898802094591</c:v>
                </c:pt>
                <c:pt idx="21">
                  <c:v>14.663917209737157</c:v>
                </c:pt>
                <c:pt idx="22">
                  <c:v>15.118196993608162</c:v>
                </c:pt>
                <c:pt idx="23">
                  <c:v>15.604505118561191</c:v>
                </c:pt>
                <c:pt idx="24">
                  <c:v>15.452544395384136</c:v>
                </c:pt>
                <c:pt idx="25">
                  <c:v>13.319870423131622</c:v>
                </c:pt>
                <c:pt idx="26">
                  <c:v>12.875081890414833</c:v>
                </c:pt>
                <c:pt idx="27">
                  <c:v>14.876473740795015</c:v>
                </c:pt>
                <c:pt idx="28">
                  <c:v>15.703628043335522</c:v>
                </c:pt>
                <c:pt idx="29">
                  <c:v>15.293257464187787</c:v>
                </c:pt>
                <c:pt idx="30">
                  <c:v>15.730770678303738</c:v>
                </c:pt>
                <c:pt idx="31">
                  <c:v>15.066070661867419</c:v>
                </c:pt>
                <c:pt idx="32">
                  <c:v>17.169197641726065</c:v>
                </c:pt>
                <c:pt idx="33">
                  <c:v>16.014006483443538</c:v>
                </c:pt>
                <c:pt idx="34">
                  <c:v>16.500610013202277</c:v>
                </c:pt>
                <c:pt idx="35">
                  <c:v>16.6628774409029</c:v>
                </c:pt>
                <c:pt idx="36">
                  <c:v>17.001999536423575</c:v>
                </c:pt>
                <c:pt idx="37">
                  <c:v>17.3880147530169</c:v>
                </c:pt>
                <c:pt idx="38">
                  <c:v>17.478332624182187</c:v>
                </c:pt>
                <c:pt idx="39">
                  <c:v>17.488396857661222</c:v>
                </c:pt>
                <c:pt idx="40">
                  <c:v>17.518624342085648</c:v>
                </c:pt>
                <c:pt idx="41">
                  <c:v>17.538805018417612</c:v>
                </c:pt>
                <c:pt idx="42">
                  <c:v>17.55900894199144</c:v>
                </c:pt>
                <c:pt idx="43">
                  <c:v>18.040559400917857</c:v>
                </c:pt>
                <c:pt idx="44">
                  <c:v>18.238957023196374</c:v>
                </c:pt>
                <c:pt idx="45">
                  <c:v>18.291528581649505</c:v>
                </c:pt>
                <c:pt idx="46">
                  <c:v>18.270481798956183</c:v>
                </c:pt>
                <c:pt idx="47">
                  <c:v>18.450154191794734</c:v>
                </c:pt>
                <c:pt idx="48">
                  <c:v>18.599445632225759</c:v>
                </c:pt>
                <c:pt idx="49">
                  <c:v>18.825650859425622</c:v>
                </c:pt>
                <c:pt idx="50">
                  <c:v>18.793168168032679</c:v>
                </c:pt>
                <c:pt idx="51">
                  <c:v>19.142559250210851</c:v>
                </c:pt>
                <c:pt idx="52">
                  <c:v>19.208789617520157</c:v>
                </c:pt>
                <c:pt idx="53">
                  <c:v>19.397689353831939</c:v>
                </c:pt>
                <c:pt idx="54">
                  <c:v>19.678862897068448</c:v>
                </c:pt>
                <c:pt idx="55">
                  <c:v>19.803866954023146</c:v>
                </c:pt>
                <c:pt idx="56">
                  <c:v>20.079366186298437</c:v>
                </c:pt>
                <c:pt idx="57">
                  <c:v>20.206914319922571</c:v>
                </c:pt>
                <c:pt idx="58">
                  <c:v>20.382150309568935</c:v>
                </c:pt>
                <c:pt idx="59">
                  <c:v>20.677593819194389</c:v>
                </c:pt>
                <c:pt idx="60">
                  <c:v>20.880937814197878</c:v>
                </c:pt>
                <c:pt idx="61">
                  <c:v>21.147060121651677</c:v>
                </c:pt>
                <c:pt idx="62">
                  <c:v>21.355020860474379</c:v>
                </c:pt>
                <c:pt idx="63">
                  <c:v>21.614739211285428</c:v>
                </c:pt>
                <c:pt idx="64">
                  <c:v>21.827299118430012</c:v>
                </c:pt>
                <c:pt idx="65">
                  <c:v>22.029264630534556</c:v>
                </c:pt>
                <c:pt idx="66">
                  <c:v>22.23309890651403</c:v>
                </c:pt>
                <c:pt idx="67">
                  <c:v>22.490546058357808</c:v>
                </c:pt>
                <c:pt idx="68">
                  <c:v>22.63341048681216</c:v>
                </c:pt>
                <c:pt idx="69">
                  <c:v>22.895493028289714</c:v>
                </c:pt>
                <c:pt idx="70">
                  <c:v>23.173946499684781</c:v>
                </c:pt>
                <c:pt idx="71">
                  <c:v>23.388372386593542</c:v>
                </c:pt>
                <c:pt idx="72">
                  <c:v>23.564053495092125</c:v>
                </c:pt>
                <c:pt idx="73">
                  <c:v>23.809484906717103</c:v>
                </c:pt>
                <c:pt idx="74">
                  <c:v>24.029791358103498</c:v>
                </c:pt>
                <c:pt idx="75">
                  <c:v>24.364079054858003</c:v>
                </c:pt>
                <c:pt idx="76">
                  <c:v>24.53296278274545</c:v>
                </c:pt>
                <c:pt idx="77">
                  <c:v>24.81704110314805</c:v>
                </c:pt>
                <c:pt idx="78">
                  <c:v>25.089961794653998</c:v>
                </c:pt>
                <c:pt idx="79">
                  <c:v>25.322116352808294</c:v>
                </c:pt>
                <c:pt idx="80">
                  <c:v>25.556419010641378</c:v>
                </c:pt>
                <c:pt idx="81">
                  <c:v>25.807741499372288</c:v>
                </c:pt>
                <c:pt idx="82">
                  <c:v>26.076542044591001</c:v>
                </c:pt>
                <c:pt idx="83">
                  <c:v>26.348142282030416</c:v>
                </c:pt>
                <c:pt idx="84">
                  <c:v>26.622571371886345</c:v>
                </c:pt>
                <c:pt idx="85">
                  <c:v>26.868906991858811</c:v>
                </c:pt>
                <c:pt idx="86">
                  <c:v>27.14876010682503</c:v>
                </c:pt>
                <c:pt idx="87">
                  <c:v>27.41574171927882</c:v>
                </c:pt>
                <c:pt idx="88">
                  <c:v>27.669416454115115</c:v>
                </c:pt>
                <c:pt idx="89">
                  <c:v>27.925438412373371</c:v>
                </c:pt>
                <c:pt idx="90">
                  <c:v>28.167610065057431</c:v>
                </c:pt>
                <c:pt idx="91">
                  <c:v>28.444611074479155</c:v>
                </c:pt>
                <c:pt idx="92">
                  <c:v>28.691285034333962</c:v>
                </c:pt>
                <c:pt idx="93">
                  <c:v>28.956762226150339</c:v>
                </c:pt>
                <c:pt idx="94">
                  <c:v>29.19106903453914</c:v>
                </c:pt>
                <c:pt idx="95">
                  <c:v>29.444216337987612</c:v>
                </c:pt>
                <c:pt idx="96">
                  <c:v>29.699558955255089</c:v>
                </c:pt>
                <c:pt idx="97">
                  <c:v>29.939876184612878</c:v>
                </c:pt>
                <c:pt idx="98">
                  <c:v>30.182137967114148</c:v>
                </c:pt>
                <c:pt idx="99">
                  <c:v>30.426360037323306</c:v>
                </c:pt>
                <c:pt idx="100">
                  <c:v>30.654906794257879</c:v>
                </c:pt>
                <c:pt idx="101">
                  <c:v>30.902954325135894</c:v>
                </c:pt>
                <c:pt idx="102">
                  <c:v>31.135081006804128</c:v>
                </c:pt>
                <c:pt idx="103">
                  <c:v>31.350899078017395</c:v>
                </c:pt>
                <c:pt idx="104">
                  <c:v>31.586390484234713</c:v>
                </c:pt>
                <c:pt idx="105">
                  <c:v>31.805336883295205</c:v>
                </c:pt>
                <c:pt idx="106">
                  <c:v>32.025800946290282</c:v>
                </c:pt>
                <c:pt idx="107">
                  <c:v>32.247793193163758</c:v>
                </c:pt>
                <c:pt idx="108">
                  <c:v>32.452637598964365</c:v>
                </c:pt>
                <c:pt idx="109">
                  <c:v>32.677588536168003</c:v>
                </c:pt>
                <c:pt idx="110">
                  <c:v>32.885163087598308</c:v>
                </c:pt>
                <c:pt idx="111">
                  <c:v>33.075011205925449</c:v>
                </c:pt>
                <c:pt idx="112">
                  <c:v>33.285110265316661</c:v>
                </c:pt>
                <c:pt idx="113">
                  <c:v>33.477267303898138</c:v>
                </c:pt>
                <c:pt idx="114">
                  <c:v>33.670533677169573</c:v>
                </c:pt>
                <c:pt idx="115">
                  <c:v>33.884415613920254</c:v>
                </c:pt>
                <c:pt idx="116">
                  <c:v>34.060420081790731</c:v>
                </c:pt>
                <c:pt idx="117">
                  <c:v>34.257053032788583</c:v>
                </c:pt>
                <c:pt idx="118">
                  <c:v>34.434993076333839</c:v>
                </c:pt>
                <c:pt idx="119">
                  <c:v>34.633788460827937</c:v>
                </c:pt>
                <c:pt idx="120">
                  <c:v>34.813685366173495</c:v>
                </c:pt>
                <c:pt idx="121">
                  <c:v>34.994516702835718</c:v>
                </c:pt>
                <c:pt idx="122">
                  <c:v>35.156044052829813</c:v>
                </c:pt>
                <c:pt idx="123">
                  <c:v>35.338653689556359</c:v>
                </c:pt>
                <c:pt idx="124">
                  <c:v>35.501769503708189</c:v>
                </c:pt>
                <c:pt idx="125">
                  <c:v>35.665638226249229</c:v>
                </c:pt>
                <c:pt idx="126">
                  <c:v>35.830263332446712</c:v>
                </c:pt>
                <c:pt idx="127">
                  <c:v>35.99564831360896</c:v>
                </c:pt>
                <c:pt idx="128">
                  <c:v>36.161796677159444</c:v>
                </c:pt>
                <c:pt idx="129">
                  <c:v>36.307805477010135</c:v>
                </c:pt>
                <c:pt idx="130">
                  <c:v>36.475394692560776</c:v>
                </c:pt>
                <c:pt idx="131">
                  <c:v>36.622669692491982</c:v>
                </c:pt>
                <c:pt idx="132">
                  <c:v>36.770539337821475</c:v>
                </c:pt>
                <c:pt idx="133">
                  <c:v>36.919006029521256</c:v>
                </c:pt>
                <c:pt idx="134">
                  <c:v>37.068072178257601</c:v>
                </c:pt>
                <c:pt idx="135">
                  <c:v>37.217740204430214</c:v>
                </c:pt>
                <c:pt idx="136">
                  <c:v>37.346507971161017</c:v>
                </c:pt>
                <c:pt idx="137">
                  <c:v>37.497300224548347</c:v>
                </c:pt>
                <c:pt idx="138">
                  <c:v>37.62703522677652</c:v>
                </c:pt>
                <c:pt idx="139">
                  <c:v>37.757219092541597</c:v>
                </c:pt>
                <c:pt idx="140">
                  <c:v>37.909669655068093</c:v>
                </c:pt>
                <c:pt idx="141">
                  <c:v>38.040831393319039</c:v>
                </c:pt>
                <c:pt idx="142">
                  <c:v>38.172446931398312</c:v>
                </c:pt>
                <c:pt idx="143">
                  <c:v>38.304517839384843</c:v>
                </c:pt>
                <c:pt idx="144">
                  <c:v>38.414925917875905</c:v>
                </c:pt>
                <c:pt idx="145">
                  <c:v>38.54783576657718</c:v>
                </c:pt>
                <c:pt idx="146">
                  <c:v>38.658945179174999</c:v>
                </c:pt>
                <c:pt idx="147">
                  <c:v>38.792699297709525</c:v>
                </c:pt>
                <c:pt idx="148">
                  <c:v>38.92691618531709</c:v>
                </c:pt>
                <c:pt idx="149">
                  <c:v>39.039118250766002</c:v>
                </c:pt>
                <c:pt idx="150">
                  <c:v>39.151643724918316</c:v>
                </c:pt>
                <c:pt idx="151">
                  <c:v>39.264493539959986</c:v>
                </c:pt>
                <c:pt idx="152">
                  <c:v>39.377668630763871</c:v>
                </c:pt>
                <c:pt idx="153">
                  <c:v>39.491169934897506</c:v>
                </c:pt>
                <c:pt idx="154">
                  <c:v>39.604998392630847</c:v>
                </c:pt>
                <c:pt idx="155">
                  <c:v>39.71915494694403</c:v>
                </c:pt>
                <c:pt idx="156">
                  <c:v>39.833640543535239</c:v>
                </c:pt>
                <c:pt idx="157">
                  <c:v>39.948456130828539</c:v>
                </c:pt>
                <c:pt idx="158">
                  <c:v>40.063602659981676</c:v>
                </c:pt>
                <c:pt idx="159">
                  <c:v>40.155958802371302</c:v>
                </c:pt>
                <c:pt idx="160">
                  <c:v>40.271703432545905</c:v>
                </c:pt>
                <c:pt idx="161">
                  <c:v>40.387781682432603</c:v>
                </c:pt>
                <c:pt idx="162">
                  <c:v>40.480885134648844</c:v>
                </c:pt>
                <c:pt idx="163">
                  <c:v>40.574203212488321</c:v>
                </c:pt>
                <c:pt idx="164">
                  <c:v>40.691153380919637</c:v>
                </c:pt>
                <c:pt idx="165">
                  <c:v>40.784956177126993</c:v>
                </c:pt>
                <c:pt idx="166">
                  <c:v>40.878975211111971</c:v>
                </c:pt>
                <c:pt idx="167">
                  <c:v>40.996803847479832</c:v>
                </c:pt>
                <c:pt idx="168">
                  <c:v>41.091311240781216</c:v>
                </c:pt>
                <c:pt idx="169">
                  <c:v>41.186036496124295</c:v>
                </c:pt>
                <c:pt idx="170">
                  <c:v>41.257223711672005</c:v>
                </c:pt>
                <c:pt idx="171">
                  <c:v>41.352331434760565</c:v>
                </c:pt>
                <c:pt idx="172">
                  <c:v>41.447658403793909</c:v>
                </c:pt>
                <c:pt idx="173">
                  <c:v>41.543205124186109</c:v>
                </c:pt>
                <c:pt idx="174">
                  <c:v>41.638972102516384</c:v>
                </c:pt>
                <c:pt idx="175">
                  <c:v>41.734959846531709</c:v>
                </c:pt>
                <c:pt idx="176">
                  <c:v>41.831168865149543</c:v>
                </c:pt>
                <c:pt idx="177">
                  <c:v>41.927599668460545</c:v>
                </c:pt>
                <c:pt idx="178">
                  <c:v>42.000068624663157</c:v>
                </c:pt>
                <c:pt idx="179">
                  <c:v>42.096888782131124</c:v>
                </c:pt>
                <c:pt idx="180">
                  <c:v>42.193932133112796</c:v>
                </c:pt>
                <c:pt idx="181">
                  <c:v>42.291199192122363</c:v>
                </c:pt>
                <c:pt idx="182">
                  <c:v>42.364296604954113</c:v>
                </c:pt>
                <c:pt idx="183">
                  <c:v>42.461956394631279</c:v>
                </c:pt>
                <c:pt idx="184">
                  <c:v>42.535348949477545</c:v>
                </c:pt>
                <c:pt idx="185">
                  <c:v>42.633403055532632</c:v>
                </c:pt>
                <c:pt idx="186">
                  <c:v>42.707091944074556</c:v>
                </c:pt>
                <c:pt idx="187">
                  <c:v>42.805541958620395</c:v>
                </c:pt>
                <c:pt idx="188">
                  <c:v>42.879528377350717</c:v>
                </c:pt>
                <c:pt idx="189">
                  <c:v>42.978375898928576</c:v>
                </c:pt>
                <c:pt idx="190">
                  <c:v>43.052661049171057</c:v>
                </c:pt>
                <c:pt idx="191">
                  <c:v>43.127074596157982</c:v>
                </c:pt>
                <c:pt idx="192">
                  <c:v>43.201616761814243</c:v>
                </c:pt>
                <c:pt idx="193">
                  <c:v>43.301206773800409</c:v>
                </c:pt>
                <c:pt idx="194">
                  <c:v>43.376049914882273</c:v>
                </c:pt>
                <c:pt idx="195">
                  <c:v>43.451022417157155</c:v>
                </c:pt>
                <c:pt idx="196">
                  <c:v>43.526124504216909</c:v>
                </c:pt>
                <c:pt idx="197">
                  <c:v>43.626462583807431</c:v>
                </c:pt>
                <c:pt idx="198">
                  <c:v>43.701867907061342</c:v>
                </c:pt>
                <c:pt idx="199">
                  <c:v>43.777403563201247</c:v>
                </c:pt>
                <c:pt idx="200">
                  <c:v>43.853069777498568</c:v>
                </c:pt>
                <c:pt idx="201">
                  <c:v>43.928866775614004</c:v>
                </c:pt>
                <c:pt idx="202">
                  <c:v>44.004794783598378</c:v>
                </c:pt>
                <c:pt idx="203">
                  <c:v>44.08085402789316</c:v>
                </c:pt>
                <c:pt idx="204">
                  <c:v>44.157044735331255</c:v>
                </c:pt>
                <c:pt idx="205">
                  <c:v>44.233367133137584</c:v>
                </c:pt>
                <c:pt idx="206">
                  <c:v>44.309821448929888</c:v>
                </c:pt>
                <c:pt idx="207">
                  <c:v>44.386407910719235</c:v>
                </c:pt>
                <c:pt idx="208">
                  <c:v>44.463126746910866</c:v>
                </c:pt>
                <c:pt idx="209">
                  <c:v>44.539978186304779</c:v>
                </c:pt>
                <c:pt idx="210">
                  <c:v>44.591286260846417</c:v>
                </c:pt>
                <c:pt idx="211">
                  <c:v>44.668359215096316</c:v>
                </c:pt>
                <c:pt idx="212">
                  <c:v>44.745565384617052</c:v>
                </c:pt>
                <c:pt idx="213">
                  <c:v>44.822904999662036</c:v>
                </c:pt>
                <c:pt idx="214">
                  <c:v>44.9003782908826</c:v>
                </c:pt>
                <c:pt idx="215">
                  <c:v>44.952101530320668</c:v>
                </c:pt>
                <c:pt idx="216">
                  <c:v>45.029798128808906</c:v>
                </c:pt>
                <c:pt idx="217">
                  <c:v>45.107629020493924</c:v>
                </c:pt>
                <c:pt idx="218">
                  <c:v>45.185594437492242</c:v>
                </c:pt>
                <c:pt idx="219">
                  <c:v>45.237646233249954</c:v>
                </c:pt>
                <c:pt idx="220">
                  <c:v>45.315836376008171</c:v>
                </c:pt>
                <c:pt idx="221">
                  <c:v>45.394161665020313</c:v>
                </c:pt>
                <c:pt idx="222">
                  <c:v>45.472622333877332</c:v>
                </c:pt>
                <c:pt idx="223">
                  <c:v>45.52500477300989</c:v>
                </c:pt>
                <c:pt idx="224">
                  <c:v>45.603691595129611</c:v>
                </c:pt>
                <c:pt idx="225">
                  <c:v>45.656225020223566</c:v>
                </c:pt>
                <c:pt idx="226">
                  <c:v>45.735138647465057</c:v>
                </c:pt>
                <c:pt idx="227">
                  <c:v>45.814188671453344</c:v>
                </c:pt>
                <c:pt idx="228">
                  <c:v>45.866964579820127</c:v>
                </c:pt>
                <c:pt idx="229">
                  <c:v>45.946242455815081</c:v>
                </c:pt>
                <c:pt idx="230">
                  <c:v>45.999170484270095</c:v>
                </c:pt>
                <c:pt idx="231">
                  <c:v>46.07867686902717</c:v>
                </c:pt>
                <c:pt idx="232">
                  <c:v>46.131757456037931</c:v>
                </c:pt>
                <c:pt idx="233">
                  <c:v>46.211493008205636</c:v>
                </c:pt>
                <c:pt idx="234">
                  <c:v>46.264726593503489</c:v>
                </c:pt>
                <c:pt idx="235">
                  <c:v>46.344691973628798</c:v>
                </c:pt>
                <c:pt idx="236">
                  <c:v>46.398078998212547</c:v>
                </c:pt>
                <c:pt idx="237">
                  <c:v>46.478274868746396</c:v>
                </c:pt>
                <c:pt idx="238">
                  <c:v>46.531815774885978</c:v>
                </c:pt>
                <c:pt idx="239">
                  <c:v>46.61224280018871</c:v>
                </c:pt>
                <c:pt idx="240">
                  <c:v>46.665938031428858</c:v>
                </c:pt>
                <c:pt idx="241">
                  <c:v>46.71969511718801</c:v>
                </c:pt>
                <c:pt idx="242">
                  <c:v>46.800446878939674</c:v>
                </c:pt>
                <c:pt idx="243">
                  <c:v>46.854358912910641</c:v>
                </c:pt>
                <c:pt idx="244">
                  <c:v>46.93534343171951</c:v>
                </c:pt>
                <c:pt idx="245">
                  <c:v>46.989410860521538</c:v>
                </c:pt>
                <c:pt idx="246">
                  <c:v>47.0435405725976</c:v>
                </c:pt>
                <c:pt idx="247">
                  <c:v>47.124852078820936</c:v>
                </c:pt>
                <c:pt idx="248">
                  <c:v>47.179137813158519</c:v>
                </c:pt>
                <c:pt idx="249">
                  <c:v>47.233486082248419</c:v>
                </c:pt>
                <c:pt idx="250">
                  <c:v>47.315125896148047</c:v>
                </c:pt>
                <c:pt idx="251">
                  <c:v>47.369630817463268</c:v>
                </c:pt>
                <c:pt idx="252">
                  <c:v>47.424198526024455</c:v>
                </c:pt>
                <c:pt idx="253">
                  <c:v>47.506167973192973</c:v>
                </c:pt>
                <c:pt idx="254">
                  <c:v>47.560892966486875</c:v>
                </c:pt>
                <c:pt idx="255">
                  <c:v>47.615681000539873</c:v>
                </c:pt>
                <c:pt idx="256">
                  <c:v>47.697981411922143</c:v>
                </c:pt>
                <c:pt idx="257">
                  <c:v>47.752927365769075</c:v>
                </c:pt>
                <c:pt idx="258">
                  <c:v>47.807936614911853</c:v>
                </c:pt>
                <c:pt idx="259">
                  <c:v>47.863009232263835</c:v>
                </c:pt>
                <c:pt idx="260">
                  <c:v>47.918145290822366</c:v>
                </c:pt>
                <c:pt idx="261">
                  <c:v>48.000968490811154</c:v>
                </c:pt>
                <c:pt idx="262">
                  <c:v>48.056263472301616</c:v>
                </c:pt>
                <c:pt idx="263">
                  <c:v>48.11162215115224</c:v>
                </c:pt>
                <c:pt idx="264">
                  <c:v>48.167044600739544</c:v>
                </c:pt>
                <c:pt idx="265">
                  <c:v>48.25029800597099</c:v>
                </c:pt>
                <c:pt idx="266">
                  <c:v>48.305880203977267</c:v>
                </c:pt>
                <c:pt idx="267">
                  <c:v>48.36152643020435</c:v>
                </c:pt>
                <c:pt idx="268">
                  <c:v>48.417236758409935</c:v>
                </c:pt>
                <c:pt idx="269">
                  <c:v>48.473011262436614</c:v>
                </c:pt>
                <c:pt idx="270">
                  <c:v>48.528850016212097</c:v>
                </c:pt>
                <c:pt idx="271">
                  <c:v>48.584753093749242</c:v>
                </c:pt>
                <c:pt idx="272">
                  <c:v>48.668728479221024</c:v>
                </c:pt>
                <c:pt idx="273">
                  <c:v>48.724792690528297</c:v>
                </c:pt>
                <c:pt idx="274">
                  <c:v>48.780921485314281</c:v>
                </c:pt>
                <c:pt idx="275">
                  <c:v>48.837114937976267</c:v>
                </c:pt>
                <c:pt idx="276">
                  <c:v>48.893373122997261</c:v>
                </c:pt>
                <c:pt idx="277">
                  <c:v>48.949696114946065</c:v>
                </c:pt>
                <c:pt idx="278">
                  <c:v>49.00608398847735</c:v>
                </c:pt>
                <c:pt idx="279">
                  <c:v>49.06253681833185</c:v>
                </c:pt>
                <c:pt idx="280">
                  <c:v>49.11905467933633</c:v>
                </c:pt>
                <c:pt idx="281">
                  <c:v>49.175637646403821</c:v>
                </c:pt>
                <c:pt idx="282">
                  <c:v>49.232285794533574</c:v>
                </c:pt>
                <c:pt idx="283">
                  <c:v>49.288999198811304</c:v>
                </c:pt>
                <c:pt idx="284">
                  <c:v>49.374191824968158</c:v>
                </c:pt>
                <c:pt idx="285">
                  <c:v>49.431068698683546</c:v>
                </c:pt>
                <c:pt idx="286">
                  <c:v>49.488011092028593</c:v>
                </c:pt>
                <c:pt idx="287">
                  <c:v>49.545019080479022</c:v>
                </c:pt>
                <c:pt idx="288">
                  <c:v>49.602092739597452</c:v>
                </c:pt>
                <c:pt idx="289">
                  <c:v>49.659232145033606</c:v>
                </c:pt>
                <c:pt idx="290">
                  <c:v>49.716437372524297</c:v>
                </c:pt>
                <c:pt idx="291">
                  <c:v>49.773708497893601</c:v>
                </c:pt>
                <c:pt idx="292">
                  <c:v>49.831045597052956</c:v>
                </c:pt>
                <c:pt idx="293">
                  <c:v>49.88844874600121</c:v>
                </c:pt>
                <c:pt idx="294">
                  <c:v>49.945918020824834</c:v>
                </c:pt>
                <c:pt idx="295">
                  <c:v>50.003453497697848</c:v>
                </c:pt>
                <c:pt idx="296">
                  <c:v>50.032246085731266</c:v>
                </c:pt>
                <c:pt idx="297">
                  <c:v>50.089881008696757</c:v>
                </c:pt>
                <c:pt idx="298">
                  <c:v>50.147582324530951</c:v>
                </c:pt>
                <c:pt idx="299">
                  <c:v>50.205350109715461</c:v>
                </c:pt>
                <c:pt idx="300">
                  <c:v>50.263184440820062</c:v>
                </c:pt>
                <c:pt idx="301">
                  <c:v>50.32108539450266</c:v>
                </c:pt>
                <c:pt idx="302">
                  <c:v>50.379053047509537</c:v>
                </c:pt>
                <c:pt idx="303">
                  <c:v>50.437087476675316</c:v>
                </c:pt>
                <c:pt idx="304">
                  <c:v>50.495188758923184</c:v>
                </c:pt>
                <c:pt idx="305">
                  <c:v>50.553356971264904</c:v>
                </c:pt>
                <c:pt idx="306">
                  <c:v>50.611592190800977</c:v>
                </c:pt>
                <c:pt idx="307">
                  <c:v>50.640734952385088</c:v>
                </c:pt>
                <c:pt idx="308">
                  <c:v>50.699070827470436</c:v>
                </c:pt>
                <c:pt idx="309">
                  <c:v>50.757473902890148</c:v>
                </c:pt>
                <c:pt idx="310">
                  <c:v>50.815944256056042</c:v>
                </c:pt>
                <c:pt idx="311">
                  <c:v>50.874481964469098</c:v>
                </c:pt>
                <c:pt idx="312">
                  <c:v>50.933087105719544</c:v>
                </c:pt>
                <c:pt idx="313">
                  <c:v>50.99175975748701</c:v>
                </c:pt>
                <c:pt idx="314">
                  <c:v>51.021121424113979</c:v>
                </c:pt>
                <c:pt idx="315">
                  <c:v>51.079895487502071</c:v>
                </c:pt>
                <c:pt idx="316">
                  <c:v>51.138737255997988</c:v>
                </c:pt>
                <c:pt idx="317">
                  <c:v>51.197646807595</c:v>
                </c:pt>
                <c:pt idx="318">
                  <c:v>51.256624220376224</c:v>
                </c:pt>
                <c:pt idx="319">
                  <c:v>51.286138399136483</c:v>
                </c:pt>
                <c:pt idx="320">
                  <c:v>51.345217750296669</c:v>
                </c:pt>
                <c:pt idx="321">
                  <c:v>51.404365158242612</c:v>
                </c:pt>
                <c:pt idx="322">
                  <c:v>51.463580701372692</c:v>
                </c:pt>
                <c:pt idx="323">
                  <c:v>51.493214048155991</c:v>
                </c:pt>
                <c:pt idx="324">
                  <c:v>51.552531941256873</c:v>
                </c:pt>
                <c:pt idx="325">
                  <c:v>51.611918165933233</c:v>
                </c:pt>
                <c:pt idx="326">
                  <c:v>51.641636927207102</c:v>
                </c:pt>
                <c:pt idx="327">
                  <c:v>51.701125796865497</c:v>
                </c:pt>
                <c:pt idx="328">
                  <c:v>51.760683195056764</c:v>
                </c:pt>
                <c:pt idx="329">
                  <c:v>51.820309200722726</c:v>
                </c:pt>
                <c:pt idx="330">
                  <c:v>51.850147956052872</c:v>
                </c:pt>
                <c:pt idx="331">
                  <c:v>51.909877021145732</c:v>
                </c:pt>
                <c:pt idx="332">
                  <c:v>51.9696748914659</c:v>
                </c:pt>
                <c:pt idx="333">
                  <c:v>51.999599653351602</c:v>
                </c:pt>
                <c:pt idx="334">
                  <c:v>52.059500880154843</c:v>
                </c:pt>
                <c:pt idx="335">
                  <c:v>52.089477364921777</c:v>
                </c:pt>
                <c:pt idx="336">
                  <c:v>52.149482126852618</c:v>
                </c:pt>
                <c:pt idx="337">
                  <c:v>52.209556011601286</c:v>
                </c:pt>
                <c:pt idx="338">
                  <c:v>52.239618899911974</c:v>
                </c:pt>
                <c:pt idx="339">
                  <c:v>52.299796618215566</c:v>
                </c:pt>
                <c:pt idx="340">
                  <c:v>52.360043658575016</c:v>
                </c:pt>
                <c:pt idx="341">
                  <c:v>52.390193199477089</c:v>
                </c:pt>
                <c:pt idx="342">
                  <c:v>52.450544372678962</c:v>
                </c:pt>
                <c:pt idx="343">
                  <c:v>52.48074602497725</c:v>
                </c:pt>
                <c:pt idx="344">
                  <c:v>52.541201511007962</c:v>
                </c:pt>
                <c:pt idx="345">
                  <c:v>52.571455364773421</c:v>
                </c:pt>
                <c:pt idx="346">
                  <c:v>52.632015343930483</c:v>
                </c:pt>
                <c:pt idx="347">
                  <c:v>52.662321489389733</c:v>
                </c:pt>
                <c:pt idx="348">
                  <c:v>52.722986142282267</c:v>
                </c:pt>
                <c:pt idx="349">
                  <c:v>52.783720678157678</c:v>
                </c:pt>
                <c:pt idx="350">
                  <c:v>52.81411417736723</c:v>
                </c:pt>
                <c:pt idx="351">
                  <c:v>52.874953688687341</c:v>
                </c:pt>
                <c:pt idx="352">
                  <c:v>52.905399720958179</c:v>
                </c:pt>
                <c:pt idx="353">
                  <c:v>52.966344389165776</c:v>
                </c:pt>
                <c:pt idx="354">
                  <c:v>52.99684304529768</c:v>
                </c:pt>
                <c:pt idx="355">
                  <c:v>53.057893052149176</c:v>
                </c:pt>
                <c:pt idx="356">
                  <c:v>53.088444423098821</c:v>
                </c:pt>
                <c:pt idx="357">
                  <c:v>53.149599950664786</c:v>
                </c:pt>
                <c:pt idx="358">
                  <c:v>53.180204127546119</c:v>
                </c:pt>
                <c:pt idx="359">
                  <c:v>53.210825926679419</c:v>
                </c:pt>
                <c:pt idx="360">
                  <c:v>53.2721224322962</c:v>
                </c:pt>
                <c:pt idx="361">
                  <c:v>53.302797159091419</c:v>
                </c:pt>
                <c:pt idx="362">
                  <c:v>53.364199611478725</c:v>
                </c:pt>
                <c:pt idx="363">
                  <c:v>53.394927357417664</c:v>
                </c:pt>
                <c:pt idx="364">
                  <c:v>53.456435939697158</c:v>
                </c:pt>
                <c:pt idx="365">
                  <c:v>53.487216796419744</c:v>
                </c:pt>
                <c:pt idx="366">
                  <c:v>53.518015377128656</c:v>
                </c:pt>
                <c:pt idx="367">
                  <c:v>53.579665751334147</c:v>
                </c:pt>
                <c:pt idx="368">
                  <c:v>53.610517565259727</c:v>
                </c:pt>
                <c:pt idx="369">
                  <c:v>53.641387144029636</c:v>
                </c:pt>
                <c:pt idx="370">
                  <c:v>53.703179637025265</c:v>
                </c:pt>
                <c:pt idx="371">
                  <c:v>53.734102571727071</c:v>
                </c:pt>
                <c:pt idx="372">
                  <c:v>53.765043312225423</c:v>
                </c:pt>
                <c:pt idx="373">
                  <c:v>53.826978251628823</c:v>
                </c:pt>
                <c:pt idx="374">
                  <c:v>53.857972471057195</c:v>
                </c:pt>
                <c:pt idx="375">
                  <c:v>53.888984537328675</c:v>
                </c:pt>
                <c:pt idx="376">
                  <c:v>53.951062251512759</c:v>
                </c:pt>
                <c:pt idx="377">
                  <c:v>53.982127919995939</c:v>
                </c:pt>
                <c:pt idx="378">
                  <c:v>54.013211476463475</c:v>
                </c:pt>
                <c:pt idx="379">
                  <c:v>54.075432294558077</c:v>
                </c:pt>
                <c:pt idx="380">
                  <c:v>54.106569576803167</c:v>
                </c:pt>
                <c:pt idx="381">
                  <c:v>54.13772478826867</c:v>
                </c:pt>
                <c:pt idx="382">
                  <c:v>54.16889793927848</c:v>
                </c:pt>
                <c:pt idx="383">
                  <c:v>54.231298101256144</c:v>
                </c:pt>
                <c:pt idx="384">
                  <c:v>54.262525132901438</c:v>
                </c:pt>
                <c:pt idx="385">
                  <c:v>54.293770145445961</c:v>
                </c:pt>
                <c:pt idx="386">
                  <c:v>54.325033149243311</c:v>
                </c:pt>
                <c:pt idx="387">
                  <c:v>54.387613172040794</c:v>
                </c:pt>
                <c:pt idx="388">
                  <c:v>54.418930211777983</c:v>
                </c:pt>
                <c:pt idx="389">
                  <c:v>54.450265284242114</c:v>
                </c:pt>
                <c:pt idx="390">
                  <c:v>54.481618399816668</c:v>
                </c:pt>
                <c:pt idx="391">
                  <c:v>54.512989568891058</c:v>
                </c:pt>
                <c:pt idx="392">
                  <c:v>54.575786109127087</c:v>
                </c:pt>
                <c:pt idx="393">
                  <c:v>54.607211501097517</c:v>
                </c:pt>
                <c:pt idx="394">
                  <c:v>54.638654988185422</c:v>
                </c:pt>
                <c:pt idx="395">
                  <c:v>54.670116580810166</c:v>
                </c:pt>
                <c:pt idx="396">
                  <c:v>54.701596289397159</c:v>
                </c:pt>
                <c:pt idx="397">
                  <c:v>54.733094124377779</c:v>
                </c:pt>
                <c:pt idx="398">
                  <c:v>54.796144215275469</c:v>
                </c:pt>
                <c:pt idx="399">
                  <c:v>54.827696492085366</c:v>
                </c:pt>
                <c:pt idx="400">
                  <c:v>54.859266937074558</c:v>
                </c:pt>
              </c:numCache>
            </c:numRef>
          </c:yVal>
          <c:smooth val="1"/>
          <c:extLst>
            <c:ext xmlns:c16="http://schemas.microsoft.com/office/drawing/2014/chart" uri="{C3380CC4-5D6E-409C-BE32-E72D297353CC}">
              <c16:uniqueId val="{00000000-7E59-44B7-80AE-8E1E2914BD7B}"/>
            </c:ext>
          </c:extLst>
        </c:ser>
        <c:ser>
          <c:idx val="1"/>
          <c:order val="1"/>
          <c:tx>
            <c:strRef>
              <c:f>'n300'!$AF$1</c:f>
              <c:strCache>
                <c:ptCount val="1"/>
                <c:pt idx="0">
                  <c:v>T(400)%</c:v>
                </c:pt>
              </c:strCache>
            </c:strRef>
          </c:tx>
          <c:marker>
            <c:symbol val="none"/>
          </c:marker>
          <c:xVal>
            <c:numRef>
              <c:f>'n300'!$A$2:$A$1272</c:f>
              <c:numCache>
                <c:formatCode>General</c:formatCode>
                <c:ptCount val="1271"/>
                <c:pt idx="0">
                  <c:v>250</c:v>
                </c:pt>
                <c:pt idx="1">
                  <c:v>252</c:v>
                </c:pt>
                <c:pt idx="2">
                  <c:v>254</c:v>
                </c:pt>
                <c:pt idx="3">
                  <c:v>256</c:v>
                </c:pt>
                <c:pt idx="4">
                  <c:v>258</c:v>
                </c:pt>
                <c:pt idx="5">
                  <c:v>260</c:v>
                </c:pt>
                <c:pt idx="6">
                  <c:v>262</c:v>
                </c:pt>
                <c:pt idx="7">
                  <c:v>264</c:v>
                </c:pt>
                <c:pt idx="8">
                  <c:v>266</c:v>
                </c:pt>
                <c:pt idx="9">
                  <c:v>268</c:v>
                </c:pt>
                <c:pt idx="10">
                  <c:v>270</c:v>
                </c:pt>
                <c:pt idx="11">
                  <c:v>272</c:v>
                </c:pt>
                <c:pt idx="12">
                  <c:v>274</c:v>
                </c:pt>
                <c:pt idx="13">
                  <c:v>276</c:v>
                </c:pt>
                <c:pt idx="14">
                  <c:v>278</c:v>
                </c:pt>
                <c:pt idx="15">
                  <c:v>280</c:v>
                </c:pt>
                <c:pt idx="16">
                  <c:v>282</c:v>
                </c:pt>
                <c:pt idx="17">
                  <c:v>284</c:v>
                </c:pt>
                <c:pt idx="18">
                  <c:v>286</c:v>
                </c:pt>
                <c:pt idx="19">
                  <c:v>288</c:v>
                </c:pt>
                <c:pt idx="20">
                  <c:v>290</c:v>
                </c:pt>
                <c:pt idx="21">
                  <c:v>292</c:v>
                </c:pt>
                <c:pt idx="22">
                  <c:v>294</c:v>
                </c:pt>
                <c:pt idx="23">
                  <c:v>296</c:v>
                </c:pt>
                <c:pt idx="24">
                  <c:v>298</c:v>
                </c:pt>
                <c:pt idx="25">
                  <c:v>300</c:v>
                </c:pt>
                <c:pt idx="26">
                  <c:v>302</c:v>
                </c:pt>
                <c:pt idx="27">
                  <c:v>304</c:v>
                </c:pt>
                <c:pt idx="28">
                  <c:v>306</c:v>
                </c:pt>
                <c:pt idx="29">
                  <c:v>308</c:v>
                </c:pt>
                <c:pt idx="30">
                  <c:v>310</c:v>
                </c:pt>
                <c:pt idx="31">
                  <c:v>312</c:v>
                </c:pt>
                <c:pt idx="32">
                  <c:v>314</c:v>
                </c:pt>
                <c:pt idx="33">
                  <c:v>316</c:v>
                </c:pt>
                <c:pt idx="34">
                  <c:v>318</c:v>
                </c:pt>
                <c:pt idx="35">
                  <c:v>320</c:v>
                </c:pt>
                <c:pt idx="36">
                  <c:v>322</c:v>
                </c:pt>
                <c:pt idx="37">
                  <c:v>324</c:v>
                </c:pt>
                <c:pt idx="38">
                  <c:v>326</c:v>
                </c:pt>
                <c:pt idx="39">
                  <c:v>328</c:v>
                </c:pt>
                <c:pt idx="40">
                  <c:v>330</c:v>
                </c:pt>
                <c:pt idx="41">
                  <c:v>332</c:v>
                </c:pt>
                <c:pt idx="42">
                  <c:v>334</c:v>
                </c:pt>
                <c:pt idx="43">
                  <c:v>336</c:v>
                </c:pt>
                <c:pt idx="44">
                  <c:v>338</c:v>
                </c:pt>
                <c:pt idx="45">
                  <c:v>340</c:v>
                </c:pt>
                <c:pt idx="46">
                  <c:v>342</c:v>
                </c:pt>
                <c:pt idx="47">
                  <c:v>344</c:v>
                </c:pt>
                <c:pt idx="48">
                  <c:v>346</c:v>
                </c:pt>
                <c:pt idx="49">
                  <c:v>348</c:v>
                </c:pt>
                <c:pt idx="50">
                  <c:v>350</c:v>
                </c:pt>
                <c:pt idx="51">
                  <c:v>352</c:v>
                </c:pt>
                <c:pt idx="52">
                  <c:v>354</c:v>
                </c:pt>
                <c:pt idx="53">
                  <c:v>356</c:v>
                </c:pt>
                <c:pt idx="54">
                  <c:v>358</c:v>
                </c:pt>
                <c:pt idx="55">
                  <c:v>360</c:v>
                </c:pt>
                <c:pt idx="56">
                  <c:v>362</c:v>
                </c:pt>
                <c:pt idx="57">
                  <c:v>364</c:v>
                </c:pt>
                <c:pt idx="58">
                  <c:v>366</c:v>
                </c:pt>
                <c:pt idx="59">
                  <c:v>368</c:v>
                </c:pt>
                <c:pt idx="60">
                  <c:v>370</c:v>
                </c:pt>
                <c:pt idx="61">
                  <c:v>372</c:v>
                </c:pt>
                <c:pt idx="62">
                  <c:v>374</c:v>
                </c:pt>
                <c:pt idx="63">
                  <c:v>376</c:v>
                </c:pt>
                <c:pt idx="64">
                  <c:v>378</c:v>
                </c:pt>
                <c:pt idx="65">
                  <c:v>380</c:v>
                </c:pt>
                <c:pt idx="66">
                  <c:v>382</c:v>
                </c:pt>
                <c:pt idx="67">
                  <c:v>384</c:v>
                </c:pt>
                <c:pt idx="68">
                  <c:v>386</c:v>
                </c:pt>
                <c:pt idx="69">
                  <c:v>388</c:v>
                </c:pt>
                <c:pt idx="70">
                  <c:v>390</c:v>
                </c:pt>
                <c:pt idx="71">
                  <c:v>392</c:v>
                </c:pt>
                <c:pt idx="72">
                  <c:v>394</c:v>
                </c:pt>
                <c:pt idx="73">
                  <c:v>396</c:v>
                </c:pt>
                <c:pt idx="74">
                  <c:v>398</c:v>
                </c:pt>
                <c:pt idx="75">
                  <c:v>400</c:v>
                </c:pt>
                <c:pt idx="76">
                  <c:v>402</c:v>
                </c:pt>
                <c:pt idx="77">
                  <c:v>404</c:v>
                </c:pt>
                <c:pt idx="78">
                  <c:v>406</c:v>
                </c:pt>
                <c:pt idx="79">
                  <c:v>408</c:v>
                </c:pt>
                <c:pt idx="80">
                  <c:v>410</c:v>
                </c:pt>
                <c:pt idx="81">
                  <c:v>412</c:v>
                </c:pt>
                <c:pt idx="82">
                  <c:v>414</c:v>
                </c:pt>
                <c:pt idx="83">
                  <c:v>416</c:v>
                </c:pt>
                <c:pt idx="84">
                  <c:v>418</c:v>
                </c:pt>
                <c:pt idx="85">
                  <c:v>420</c:v>
                </c:pt>
                <c:pt idx="86">
                  <c:v>422</c:v>
                </c:pt>
                <c:pt idx="87">
                  <c:v>424</c:v>
                </c:pt>
                <c:pt idx="88">
                  <c:v>426</c:v>
                </c:pt>
                <c:pt idx="89">
                  <c:v>428</c:v>
                </c:pt>
                <c:pt idx="90">
                  <c:v>430</c:v>
                </c:pt>
                <c:pt idx="91">
                  <c:v>432</c:v>
                </c:pt>
                <c:pt idx="92">
                  <c:v>434</c:v>
                </c:pt>
                <c:pt idx="93">
                  <c:v>436</c:v>
                </c:pt>
                <c:pt idx="94">
                  <c:v>438</c:v>
                </c:pt>
                <c:pt idx="95">
                  <c:v>440</c:v>
                </c:pt>
                <c:pt idx="96">
                  <c:v>442</c:v>
                </c:pt>
                <c:pt idx="97">
                  <c:v>444</c:v>
                </c:pt>
                <c:pt idx="98">
                  <c:v>446</c:v>
                </c:pt>
                <c:pt idx="99">
                  <c:v>448</c:v>
                </c:pt>
                <c:pt idx="100">
                  <c:v>450</c:v>
                </c:pt>
                <c:pt idx="101">
                  <c:v>452</c:v>
                </c:pt>
                <c:pt idx="102">
                  <c:v>454</c:v>
                </c:pt>
                <c:pt idx="103">
                  <c:v>456</c:v>
                </c:pt>
                <c:pt idx="104">
                  <c:v>458</c:v>
                </c:pt>
                <c:pt idx="105">
                  <c:v>460</c:v>
                </c:pt>
                <c:pt idx="106">
                  <c:v>462</c:v>
                </c:pt>
                <c:pt idx="107">
                  <c:v>464</c:v>
                </c:pt>
                <c:pt idx="108">
                  <c:v>466</c:v>
                </c:pt>
                <c:pt idx="109">
                  <c:v>468</c:v>
                </c:pt>
                <c:pt idx="110">
                  <c:v>470</c:v>
                </c:pt>
                <c:pt idx="111">
                  <c:v>472</c:v>
                </c:pt>
                <c:pt idx="112">
                  <c:v>474</c:v>
                </c:pt>
                <c:pt idx="113">
                  <c:v>476</c:v>
                </c:pt>
                <c:pt idx="114">
                  <c:v>478</c:v>
                </c:pt>
                <c:pt idx="115">
                  <c:v>480</c:v>
                </c:pt>
                <c:pt idx="116">
                  <c:v>482</c:v>
                </c:pt>
                <c:pt idx="117">
                  <c:v>484</c:v>
                </c:pt>
                <c:pt idx="118">
                  <c:v>486</c:v>
                </c:pt>
                <c:pt idx="119">
                  <c:v>488</c:v>
                </c:pt>
                <c:pt idx="120">
                  <c:v>490</c:v>
                </c:pt>
                <c:pt idx="121">
                  <c:v>492</c:v>
                </c:pt>
                <c:pt idx="122">
                  <c:v>494</c:v>
                </c:pt>
                <c:pt idx="123">
                  <c:v>496</c:v>
                </c:pt>
                <c:pt idx="124">
                  <c:v>498</c:v>
                </c:pt>
                <c:pt idx="125">
                  <c:v>500</c:v>
                </c:pt>
                <c:pt idx="126">
                  <c:v>502</c:v>
                </c:pt>
                <c:pt idx="127">
                  <c:v>504</c:v>
                </c:pt>
                <c:pt idx="128">
                  <c:v>506</c:v>
                </c:pt>
                <c:pt idx="129">
                  <c:v>508</c:v>
                </c:pt>
                <c:pt idx="130">
                  <c:v>510</c:v>
                </c:pt>
                <c:pt idx="131">
                  <c:v>512</c:v>
                </c:pt>
                <c:pt idx="132">
                  <c:v>514</c:v>
                </c:pt>
                <c:pt idx="133">
                  <c:v>516</c:v>
                </c:pt>
                <c:pt idx="134">
                  <c:v>518</c:v>
                </c:pt>
                <c:pt idx="135">
                  <c:v>520</c:v>
                </c:pt>
                <c:pt idx="136">
                  <c:v>522</c:v>
                </c:pt>
                <c:pt idx="137">
                  <c:v>524</c:v>
                </c:pt>
                <c:pt idx="138">
                  <c:v>526</c:v>
                </c:pt>
                <c:pt idx="139">
                  <c:v>528</c:v>
                </c:pt>
                <c:pt idx="140">
                  <c:v>530</c:v>
                </c:pt>
                <c:pt idx="141">
                  <c:v>532</c:v>
                </c:pt>
                <c:pt idx="142">
                  <c:v>534</c:v>
                </c:pt>
                <c:pt idx="143">
                  <c:v>536</c:v>
                </c:pt>
                <c:pt idx="144">
                  <c:v>538</c:v>
                </c:pt>
                <c:pt idx="145">
                  <c:v>540</c:v>
                </c:pt>
                <c:pt idx="146">
                  <c:v>542</c:v>
                </c:pt>
                <c:pt idx="147">
                  <c:v>544</c:v>
                </c:pt>
                <c:pt idx="148">
                  <c:v>546</c:v>
                </c:pt>
                <c:pt idx="149">
                  <c:v>548</c:v>
                </c:pt>
                <c:pt idx="150">
                  <c:v>550</c:v>
                </c:pt>
                <c:pt idx="151">
                  <c:v>552</c:v>
                </c:pt>
                <c:pt idx="152">
                  <c:v>554</c:v>
                </c:pt>
                <c:pt idx="153">
                  <c:v>556</c:v>
                </c:pt>
                <c:pt idx="154">
                  <c:v>558</c:v>
                </c:pt>
                <c:pt idx="155">
                  <c:v>560</c:v>
                </c:pt>
                <c:pt idx="156">
                  <c:v>562</c:v>
                </c:pt>
                <c:pt idx="157">
                  <c:v>564</c:v>
                </c:pt>
                <c:pt idx="158">
                  <c:v>566</c:v>
                </c:pt>
                <c:pt idx="159">
                  <c:v>568</c:v>
                </c:pt>
                <c:pt idx="160">
                  <c:v>570</c:v>
                </c:pt>
                <c:pt idx="161">
                  <c:v>572</c:v>
                </c:pt>
                <c:pt idx="162">
                  <c:v>574</c:v>
                </c:pt>
                <c:pt idx="163">
                  <c:v>576</c:v>
                </c:pt>
                <c:pt idx="164">
                  <c:v>578</c:v>
                </c:pt>
                <c:pt idx="165">
                  <c:v>580</c:v>
                </c:pt>
                <c:pt idx="166">
                  <c:v>582</c:v>
                </c:pt>
                <c:pt idx="167">
                  <c:v>584</c:v>
                </c:pt>
                <c:pt idx="168">
                  <c:v>586</c:v>
                </c:pt>
                <c:pt idx="169">
                  <c:v>588</c:v>
                </c:pt>
                <c:pt idx="170">
                  <c:v>590</c:v>
                </c:pt>
                <c:pt idx="171">
                  <c:v>592</c:v>
                </c:pt>
                <c:pt idx="172">
                  <c:v>594</c:v>
                </c:pt>
                <c:pt idx="173">
                  <c:v>596</c:v>
                </c:pt>
                <c:pt idx="174">
                  <c:v>598</c:v>
                </c:pt>
                <c:pt idx="175">
                  <c:v>600</c:v>
                </c:pt>
                <c:pt idx="176">
                  <c:v>602</c:v>
                </c:pt>
                <c:pt idx="177">
                  <c:v>604</c:v>
                </c:pt>
                <c:pt idx="178">
                  <c:v>606</c:v>
                </c:pt>
                <c:pt idx="179">
                  <c:v>608</c:v>
                </c:pt>
                <c:pt idx="180">
                  <c:v>610</c:v>
                </c:pt>
                <c:pt idx="181">
                  <c:v>612</c:v>
                </c:pt>
                <c:pt idx="182">
                  <c:v>614</c:v>
                </c:pt>
                <c:pt idx="183">
                  <c:v>616</c:v>
                </c:pt>
                <c:pt idx="184">
                  <c:v>618</c:v>
                </c:pt>
                <c:pt idx="185">
                  <c:v>620</c:v>
                </c:pt>
                <c:pt idx="186">
                  <c:v>622</c:v>
                </c:pt>
                <c:pt idx="187">
                  <c:v>624</c:v>
                </c:pt>
                <c:pt idx="188">
                  <c:v>626</c:v>
                </c:pt>
                <c:pt idx="189">
                  <c:v>628</c:v>
                </c:pt>
                <c:pt idx="190">
                  <c:v>630</c:v>
                </c:pt>
                <c:pt idx="191">
                  <c:v>632</c:v>
                </c:pt>
                <c:pt idx="192">
                  <c:v>634</c:v>
                </c:pt>
                <c:pt idx="193">
                  <c:v>636</c:v>
                </c:pt>
                <c:pt idx="194">
                  <c:v>638</c:v>
                </c:pt>
                <c:pt idx="195">
                  <c:v>640</c:v>
                </c:pt>
                <c:pt idx="196">
                  <c:v>642</c:v>
                </c:pt>
                <c:pt idx="197">
                  <c:v>644</c:v>
                </c:pt>
                <c:pt idx="198">
                  <c:v>646</c:v>
                </c:pt>
                <c:pt idx="199">
                  <c:v>648</c:v>
                </c:pt>
                <c:pt idx="200">
                  <c:v>650</c:v>
                </c:pt>
                <c:pt idx="201">
                  <c:v>652</c:v>
                </c:pt>
                <c:pt idx="202">
                  <c:v>654</c:v>
                </c:pt>
                <c:pt idx="203">
                  <c:v>656</c:v>
                </c:pt>
                <c:pt idx="204">
                  <c:v>658</c:v>
                </c:pt>
                <c:pt idx="205">
                  <c:v>660</c:v>
                </c:pt>
                <c:pt idx="206">
                  <c:v>662</c:v>
                </c:pt>
                <c:pt idx="207">
                  <c:v>664</c:v>
                </c:pt>
                <c:pt idx="208">
                  <c:v>666</c:v>
                </c:pt>
                <c:pt idx="209">
                  <c:v>668</c:v>
                </c:pt>
                <c:pt idx="210">
                  <c:v>670</c:v>
                </c:pt>
                <c:pt idx="211">
                  <c:v>672</c:v>
                </c:pt>
                <c:pt idx="212">
                  <c:v>674</c:v>
                </c:pt>
                <c:pt idx="213">
                  <c:v>676</c:v>
                </c:pt>
                <c:pt idx="214">
                  <c:v>678</c:v>
                </c:pt>
                <c:pt idx="215">
                  <c:v>680</c:v>
                </c:pt>
                <c:pt idx="216">
                  <c:v>682</c:v>
                </c:pt>
                <c:pt idx="217">
                  <c:v>684</c:v>
                </c:pt>
                <c:pt idx="218">
                  <c:v>686</c:v>
                </c:pt>
                <c:pt idx="219">
                  <c:v>688</c:v>
                </c:pt>
                <c:pt idx="220">
                  <c:v>690</c:v>
                </c:pt>
                <c:pt idx="221">
                  <c:v>692</c:v>
                </c:pt>
                <c:pt idx="222">
                  <c:v>694</c:v>
                </c:pt>
                <c:pt idx="223">
                  <c:v>696</c:v>
                </c:pt>
                <c:pt idx="224">
                  <c:v>698</c:v>
                </c:pt>
                <c:pt idx="225">
                  <c:v>700</c:v>
                </c:pt>
                <c:pt idx="226">
                  <c:v>702</c:v>
                </c:pt>
                <c:pt idx="227">
                  <c:v>704</c:v>
                </c:pt>
                <c:pt idx="228">
                  <c:v>706</c:v>
                </c:pt>
                <c:pt idx="229">
                  <c:v>708</c:v>
                </c:pt>
                <c:pt idx="230">
                  <c:v>710</c:v>
                </c:pt>
                <c:pt idx="231">
                  <c:v>712</c:v>
                </c:pt>
                <c:pt idx="232">
                  <c:v>714</c:v>
                </c:pt>
                <c:pt idx="233">
                  <c:v>716</c:v>
                </c:pt>
                <c:pt idx="234">
                  <c:v>718</c:v>
                </c:pt>
                <c:pt idx="235">
                  <c:v>720</c:v>
                </c:pt>
                <c:pt idx="236">
                  <c:v>722</c:v>
                </c:pt>
                <c:pt idx="237">
                  <c:v>724</c:v>
                </c:pt>
                <c:pt idx="238">
                  <c:v>726</c:v>
                </c:pt>
                <c:pt idx="239">
                  <c:v>728</c:v>
                </c:pt>
                <c:pt idx="240">
                  <c:v>730</c:v>
                </c:pt>
                <c:pt idx="241">
                  <c:v>732</c:v>
                </c:pt>
                <c:pt idx="242">
                  <c:v>734</c:v>
                </c:pt>
                <c:pt idx="243">
                  <c:v>736</c:v>
                </c:pt>
                <c:pt idx="244">
                  <c:v>738</c:v>
                </c:pt>
                <c:pt idx="245">
                  <c:v>740</c:v>
                </c:pt>
                <c:pt idx="246">
                  <c:v>742</c:v>
                </c:pt>
                <c:pt idx="247">
                  <c:v>744</c:v>
                </c:pt>
                <c:pt idx="248">
                  <c:v>746</c:v>
                </c:pt>
                <c:pt idx="249">
                  <c:v>748</c:v>
                </c:pt>
                <c:pt idx="250">
                  <c:v>750</c:v>
                </c:pt>
                <c:pt idx="251">
                  <c:v>752</c:v>
                </c:pt>
                <c:pt idx="252">
                  <c:v>754</c:v>
                </c:pt>
                <c:pt idx="253">
                  <c:v>756</c:v>
                </c:pt>
                <c:pt idx="254">
                  <c:v>758</c:v>
                </c:pt>
                <c:pt idx="255">
                  <c:v>760</c:v>
                </c:pt>
                <c:pt idx="256">
                  <c:v>762</c:v>
                </c:pt>
                <c:pt idx="257">
                  <c:v>764</c:v>
                </c:pt>
                <c:pt idx="258">
                  <c:v>766</c:v>
                </c:pt>
                <c:pt idx="259">
                  <c:v>768</c:v>
                </c:pt>
                <c:pt idx="260">
                  <c:v>770</c:v>
                </c:pt>
                <c:pt idx="261">
                  <c:v>772</c:v>
                </c:pt>
                <c:pt idx="262">
                  <c:v>774</c:v>
                </c:pt>
                <c:pt idx="263">
                  <c:v>776</c:v>
                </c:pt>
                <c:pt idx="264">
                  <c:v>778</c:v>
                </c:pt>
                <c:pt idx="265">
                  <c:v>780</c:v>
                </c:pt>
                <c:pt idx="266">
                  <c:v>782</c:v>
                </c:pt>
                <c:pt idx="267">
                  <c:v>784</c:v>
                </c:pt>
                <c:pt idx="268">
                  <c:v>786</c:v>
                </c:pt>
                <c:pt idx="269">
                  <c:v>788</c:v>
                </c:pt>
                <c:pt idx="270">
                  <c:v>790</c:v>
                </c:pt>
                <c:pt idx="271">
                  <c:v>792</c:v>
                </c:pt>
                <c:pt idx="272">
                  <c:v>794</c:v>
                </c:pt>
                <c:pt idx="273">
                  <c:v>796</c:v>
                </c:pt>
                <c:pt idx="274">
                  <c:v>798</c:v>
                </c:pt>
                <c:pt idx="275">
                  <c:v>800</c:v>
                </c:pt>
                <c:pt idx="276">
                  <c:v>802</c:v>
                </c:pt>
                <c:pt idx="277">
                  <c:v>804</c:v>
                </c:pt>
                <c:pt idx="278">
                  <c:v>806</c:v>
                </c:pt>
                <c:pt idx="279">
                  <c:v>808</c:v>
                </c:pt>
                <c:pt idx="280">
                  <c:v>810</c:v>
                </c:pt>
                <c:pt idx="281">
                  <c:v>812</c:v>
                </c:pt>
                <c:pt idx="282">
                  <c:v>814</c:v>
                </c:pt>
                <c:pt idx="283">
                  <c:v>816</c:v>
                </c:pt>
                <c:pt idx="284">
                  <c:v>818</c:v>
                </c:pt>
                <c:pt idx="285">
                  <c:v>820</c:v>
                </c:pt>
                <c:pt idx="286">
                  <c:v>822</c:v>
                </c:pt>
                <c:pt idx="287">
                  <c:v>824</c:v>
                </c:pt>
                <c:pt idx="288">
                  <c:v>826</c:v>
                </c:pt>
                <c:pt idx="289">
                  <c:v>828</c:v>
                </c:pt>
                <c:pt idx="290">
                  <c:v>830</c:v>
                </c:pt>
                <c:pt idx="291">
                  <c:v>832</c:v>
                </c:pt>
                <c:pt idx="292">
                  <c:v>834</c:v>
                </c:pt>
                <c:pt idx="293">
                  <c:v>836</c:v>
                </c:pt>
                <c:pt idx="294">
                  <c:v>838</c:v>
                </c:pt>
                <c:pt idx="295">
                  <c:v>840</c:v>
                </c:pt>
                <c:pt idx="296">
                  <c:v>842</c:v>
                </c:pt>
                <c:pt idx="297">
                  <c:v>844</c:v>
                </c:pt>
                <c:pt idx="298">
                  <c:v>846</c:v>
                </c:pt>
                <c:pt idx="299">
                  <c:v>848</c:v>
                </c:pt>
                <c:pt idx="300">
                  <c:v>850</c:v>
                </c:pt>
                <c:pt idx="301">
                  <c:v>852</c:v>
                </c:pt>
                <c:pt idx="302">
                  <c:v>854</c:v>
                </c:pt>
                <c:pt idx="303">
                  <c:v>856</c:v>
                </c:pt>
                <c:pt idx="304">
                  <c:v>858</c:v>
                </c:pt>
                <c:pt idx="305">
                  <c:v>860</c:v>
                </c:pt>
                <c:pt idx="306">
                  <c:v>862</c:v>
                </c:pt>
                <c:pt idx="307">
                  <c:v>864</c:v>
                </c:pt>
                <c:pt idx="308">
                  <c:v>866</c:v>
                </c:pt>
                <c:pt idx="309">
                  <c:v>868</c:v>
                </c:pt>
                <c:pt idx="310">
                  <c:v>870</c:v>
                </c:pt>
                <c:pt idx="311">
                  <c:v>872</c:v>
                </c:pt>
                <c:pt idx="312">
                  <c:v>874</c:v>
                </c:pt>
                <c:pt idx="313">
                  <c:v>876</c:v>
                </c:pt>
                <c:pt idx="314">
                  <c:v>878</c:v>
                </c:pt>
                <c:pt idx="315">
                  <c:v>880</c:v>
                </c:pt>
                <c:pt idx="316">
                  <c:v>882</c:v>
                </c:pt>
                <c:pt idx="317">
                  <c:v>884</c:v>
                </c:pt>
                <c:pt idx="318">
                  <c:v>886</c:v>
                </c:pt>
                <c:pt idx="319">
                  <c:v>888</c:v>
                </c:pt>
                <c:pt idx="320">
                  <c:v>890</c:v>
                </c:pt>
                <c:pt idx="321">
                  <c:v>892</c:v>
                </c:pt>
                <c:pt idx="322">
                  <c:v>894</c:v>
                </c:pt>
                <c:pt idx="323">
                  <c:v>896</c:v>
                </c:pt>
                <c:pt idx="324">
                  <c:v>898</c:v>
                </c:pt>
                <c:pt idx="325">
                  <c:v>900</c:v>
                </c:pt>
                <c:pt idx="326">
                  <c:v>902</c:v>
                </c:pt>
                <c:pt idx="327">
                  <c:v>904</c:v>
                </c:pt>
                <c:pt idx="328">
                  <c:v>906</c:v>
                </c:pt>
                <c:pt idx="329">
                  <c:v>908</c:v>
                </c:pt>
                <c:pt idx="330">
                  <c:v>910</c:v>
                </c:pt>
                <c:pt idx="331">
                  <c:v>912</c:v>
                </c:pt>
                <c:pt idx="332">
                  <c:v>914</c:v>
                </c:pt>
                <c:pt idx="333">
                  <c:v>916</c:v>
                </c:pt>
                <c:pt idx="334">
                  <c:v>918</c:v>
                </c:pt>
                <c:pt idx="335">
                  <c:v>920</c:v>
                </c:pt>
                <c:pt idx="336">
                  <c:v>922</c:v>
                </c:pt>
                <c:pt idx="337">
                  <c:v>924</c:v>
                </c:pt>
                <c:pt idx="338">
                  <c:v>926</c:v>
                </c:pt>
                <c:pt idx="339">
                  <c:v>928</c:v>
                </c:pt>
                <c:pt idx="340">
                  <c:v>930</c:v>
                </c:pt>
                <c:pt idx="341">
                  <c:v>932</c:v>
                </c:pt>
                <c:pt idx="342">
                  <c:v>934</c:v>
                </c:pt>
                <c:pt idx="343">
                  <c:v>936</c:v>
                </c:pt>
                <c:pt idx="344">
                  <c:v>938</c:v>
                </c:pt>
                <c:pt idx="345">
                  <c:v>940</c:v>
                </c:pt>
                <c:pt idx="346">
                  <c:v>942</c:v>
                </c:pt>
                <c:pt idx="347">
                  <c:v>944</c:v>
                </c:pt>
                <c:pt idx="348">
                  <c:v>946</c:v>
                </c:pt>
                <c:pt idx="349">
                  <c:v>948</c:v>
                </c:pt>
                <c:pt idx="350">
                  <c:v>950</c:v>
                </c:pt>
                <c:pt idx="351">
                  <c:v>952</c:v>
                </c:pt>
                <c:pt idx="352">
                  <c:v>954</c:v>
                </c:pt>
                <c:pt idx="353">
                  <c:v>956</c:v>
                </c:pt>
                <c:pt idx="354">
                  <c:v>958</c:v>
                </c:pt>
                <c:pt idx="355">
                  <c:v>960</c:v>
                </c:pt>
                <c:pt idx="356">
                  <c:v>962</c:v>
                </c:pt>
                <c:pt idx="357">
                  <c:v>964</c:v>
                </c:pt>
                <c:pt idx="358">
                  <c:v>966</c:v>
                </c:pt>
                <c:pt idx="359">
                  <c:v>968</c:v>
                </c:pt>
                <c:pt idx="360">
                  <c:v>970</c:v>
                </c:pt>
                <c:pt idx="361">
                  <c:v>972</c:v>
                </c:pt>
                <c:pt idx="362">
                  <c:v>974</c:v>
                </c:pt>
                <c:pt idx="363">
                  <c:v>976</c:v>
                </c:pt>
                <c:pt idx="364">
                  <c:v>978</c:v>
                </c:pt>
                <c:pt idx="365">
                  <c:v>980</c:v>
                </c:pt>
                <c:pt idx="366">
                  <c:v>982</c:v>
                </c:pt>
                <c:pt idx="367">
                  <c:v>984</c:v>
                </c:pt>
                <c:pt idx="368">
                  <c:v>986</c:v>
                </c:pt>
                <c:pt idx="369">
                  <c:v>988</c:v>
                </c:pt>
                <c:pt idx="370">
                  <c:v>990</c:v>
                </c:pt>
                <c:pt idx="371">
                  <c:v>992</c:v>
                </c:pt>
                <c:pt idx="372">
                  <c:v>994</c:v>
                </c:pt>
                <c:pt idx="373">
                  <c:v>996</c:v>
                </c:pt>
                <c:pt idx="374">
                  <c:v>998</c:v>
                </c:pt>
                <c:pt idx="375">
                  <c:v>1000</c:v>
                </c:pt>
                <c:pt idx="376">
                  <c:v>1002</c:v>
                </c:pt>
                <c:pt idx="377">
                  <c:v>1004</c:v>
                </c:pt>
                <c:pt idx="378">
                  <c:v>1006</c:v>
                </c:pt>
                <c:pt idx="379">
                  <c:v>1008</c:v>
                </c:pt>
                <c:pt idx="380">
                  <c:v>1010</c:v>
                </c:pt>
                <c:pt idx="381">
                  <c:v>1012</c:v>
                </c:pt>
                <c:pt idx="382">
                  <c:v>1014</c:v>
                </c:pt>
                <c:pt idx="383">
                  <c:v>1016</c:v>
                </c:pt>
                <c:pt idx="384">
                  <c:v>1018</c:v>
                </c:pt>
                <c:pt idx="385">
                  <c:v>1020</c:v>
                </c:pt>
                <c:pt idx="386">
                  <c:v>1022</c:v>
                </c:pt>
                <c:pt idx="387">
                  <c:v>1024</c:v>
                </c:pt>
                <c:pt idx="388">
                  <c:v>1026</c:v>
                </c:pt>
                <c:pt idx="389">
                  <c:v>1028</c:v>
                </c:pt>
                <c:pt idx="390">
                  <c:v>1030</c:v>
                </c:pt>
                <c:pt idx="391">
                  <c:v>1032</c:v>
                </c:pt>
                <c:pt idx="392">
                  <c:v>1034</c:v>
                </c:pt>
                <c:pt idx="393">
                  <c:v>1036</c:v>
                </c:pt>
                <c:pt idx="394">
                  <c:v>1038</c:v>
                </c:pt>
                <c:pt idx="395">
                  <c:v>1040</c:v>
                </c:pt>
                <c:pt idx="396">
                  <c:v>1042</c:v>
                </c:pt>
                <c:pt idx="397">
                  <c:v>1044</c:v>
                </c:pt>
                <c:pt idx="398">
                  <c:v>1046</c:v>
                </c:pt>
                <c:pt idx="399">
                  <c:v>1048</c:v>
                </c:pt>
                <c:pt idx="400">
                  <c:v>1050</c:v>
                </c:pt>
                <c:pt idx="401">
                  <c:v>1052</c:v>
                </c:pt>
                <c:pt idx="402">
                  <c:v>1054</c:v>
                </c:pt>
                <c:pt idx="403">
                  <c:v>1056</c:v>
                </c:pt>
                <c:pt idx="404">
                  <c:v>1058</c:v>
                </c:pt>
                <c:pt idx="405">
                  <c:v>1060</c:v>
                </c:pt>
                <c:pt idx="406">
                  <c:v>1062</c:v>
                </c:pt>
                <c:pt idx="407">
                  <c:v>1064</c:v>
                </c:pt>
                <c:pt idx="408">
                  <c:v>1066</c:v>
                </c:pt>
                <c:pt idx="409">
                  <c:v>1068</c:v>
                </c:pt>
                <c:pt idx="410">
                  <c:v>1070</c:v>
                </c:pt>
                <c:pt idx="411">
                  <c:v>1072</c:v>
                </c:pt>
                <c:pt idx="412">
                  <c:v>1074</c:v>
                </c:pt>
                <c:pt idx="413">
                  <c:v>1076</c:v>
                </c:pt>
                <c:pt idx="414">
                  <c:v>1078</c:v>
                </c:pt>
                <c:pt idx="415">
                  <c:v>1080</c:v>
                </c:pt>
                <c:pt idx="416">
                  <c:v>1082</c:v>
                </c:pt>
                <c:pt idx="417">
                  <c:v>1084</c:v>
                </c:pt>
                <c:pt idx="418">
                  <c:v>1086</c:v>
                </c:pt>
                <c:pt idx="419">
                  <c:v>1088</c:v>
                </c:pt>
                <c:pt idx="420">
                  <c:v>1090</c:v>
                </c:pt>
                <c:pt idx="421">
                  <c:v>1092</c:v>
                </c:pt>
                <c:pt idx="422">
                  <c:v>1094</c:v>
                </c:pt>
                <c:pt idx="423">
                  <c:v>1096</c:v>
                </c:pt>
                <c:pt idx="424">
                  <c:v>1098</c:v>
                </c:pt>
                <c:pt idx="425">
                  <c:v>1100</c:v>
                </c:pt>
              </c:numCache>
            </c:numRef>
          </c:xVal>
          <c:yVal>
            <c:numRef>
              <c:f>'n300'!$AF$2:$AF$1272</c:f>
              <c:numCache>
                <c:formatCode>General</c:formatCode>
                <c:ptCount val="1271"/>
                <c:pt idx="0">
                  <c:v>14.306266660788511</c:v>
                </c:pt>
                <c:pt idx="1">
                  <c:v>19.193664303392737</c:v>
                </c:pt>
                <c:pt idx="2">
                  <c:v>24.69628219087884</c:v>
                </c:pt>
                <c:pt idx="3">
                  <c:v>26.239005370490176</c:v>
                </c:pt>
                <c:pt idx="4">
                  <c:v>26.223110833250509</c:v>
                </c:pt>
                <c:pt idx="5">
                  <c:v>28.20091229442404</c:v>
                </c:pt>
                <c:pt idx="6">
                  <c:v>30.438346222360451</c:v>
                </c:pt>
                <c:pt idx="7">
                  <c:v>30.383064734608222</c:v>
                </c:pt>
                <c:pt idx="8">
                  <c:v>30.254464730052177</c:v>
                </c:pt>
                <c:pt idx="9">
                  <c:v>30.790805660189246</c:v>
                </c:pt>
                <c:pt idx="10">
                  <c:v>30.641906953570057</c:v>
                </c:pt>
                <c:pt idx="11">
                  <c:v>30.660479842738901</c:v>
                </c:pt>
                <c:pt idx="12">
                  <c:v>30.734884042978152</c:v>
                </c:pt>
                <c:pt idx="13">
                  <c:v>30.753513288077439</c:v>
                </c:pt>
                <c:pt idx="14">
                  <c:v>30.828143253834099</c:v>
                </c:pt>
                <c:pt idx="15">
                  <c:v>30.641906953570057</c:v>
                </c:pt>
                <c:pt idx="16">
                  <c:v>30.828143253834099</c:v>
                </c:pt>
                <c:pt idx="17">
                  <c:v>30.604794920551541</c:v>
                </c:pt>
                <c:pt idx="18">
                  <c:v>30.623345315112676</c:v>
                </c:pt>
                <c:pt idx="19">
                  <c:v>30.697659400492554</c:v>
                </c:pt>
                <c:pt idx="20">
                  <c:v>30.697659400492554</c:v>
                </c:pt>
                <c:pt idx="21">
                  <c:v>30.623345315112676</c:v>
                </c:pt>
                <c:pt idx="22">
                  <c:v>30.846829025865269</c:v>
                </c:pt>
                <c:pt idx="23">
                  <c:v>30.959181743467635</c:v>
                </c:pt>
                <c:pt idx="24">
                  <c:v>30.809468800894308</c:v>
                </c:pt>
                <c:pt idx="25">
                  <c:v>30.996723513574985</c:v>
                </c:pt>
                <c:pt idx="26">
                  <c:v>31.317672172390015</c:v>
                </c:pt>
                <c:pt idx="27">
                  <c:v>31.584476585592842</c:v>
                </c:pt>
                <c:pt idx="28">
                  <c:v>31.757192769721676</c:v>
                </c:pt>
                <c:pt idx="29">
                  <c:v>32.105463740271055</c:v>
                </c:pt>
                <c:pt idx="30">
                  <c:v>32.281028884492436</c:v>
                </c:pt>
                <c:pt idx="31">
                  <c:v>32.536319271666976</c:v>
                </c:pt>
                <c:pt idx="32">
                  <c:v>32.873209331303279</c:v>
                </c:pt>
                <c:pt idx="33">
                  <c:v>33.233719298349293</c:v>
                </c:pt>
                <c:pt idx="34">
                  <c:v>33.577830430984619</c:v>
                </c:pt>
                <c:pt idx="35">
                  <c:v>33.884415613920247</c:v>
                </c:pt>
                <c:pt idx="36">
                  <c:v>34.152386179920896</c:v>
                </c:pt>
                <c:pt idx="37">
                  <c:v>34.52692447011885</c:v>
                </c:pt>
                <c:pt idx="38">
                  <c:v>34.842175435383972</c:v>
                </c:pt>
                <c:pt idx="39">
                  <c:v>35.160304825896219</c:v>
                </c:pt>
                <c:pt idx="40">
                  <c:v>35.374003180142026</c:v>
                </c:pt>
                <c:pt idx="41">
                  <c:v>35.718625379158098</c:v>
                </c:pt>
                <c:pt idx="42">
                  <c:v>35.979293534794785</c:v>
                </c:pt>
                <c:pt idx="43">
                  <c:v>36.241864000126817</c:v>
                </c:pt>
                <c:pt idx="44">
                  <c:v>36.550619044393976</c:v>
                </c:pt>
                <c:pt idx="45">
                  <c:v>36.772767492057582</c:v>
                </c:pt>
                <c:pt idx="46">
                  <c:v>37.063580219375467</c:v>
                </c:pt>
                <c:pt idx="47">
                  <c:v>37.288846357839212</c:v>
                </c:pt>
                <c:pt idx="48">
                  <c:v>37.538220774409446</c:v>
                </c:pt>
                <c:pt idx="49">
                  <c:v>37.766371697461132</c:v>
                </c:pt>
                <c:pt idx="50">
                  <c:v>37.972892884864692</c:v>
                </c:pt>
                <c:pt idx="51">
                  <c:v>38.22684195901342</c:v>
                </c:pt>
                <c:pt idx="52">
                  <c:v>38.459178204535348</c:v>
                </c:pt>
                <c:pt idx="53">
                  <c:v>38.646063501882189</c:v>
                </c:pt>
                <c:pt idx="54">
                  <c:v>38.857395185709748</c:v>
                </c:pt>
                <c:pt idx="55">
                  <c:v>39.06988251325734</c:v>
                </c:pt>
                <c:pt idx="56">
                  <c:v>39.283531804033615</c:v>
                </c:pt>
                <c:pt idx="57">
                  <c:v>39.498349412104758</c:v>
                </c:pt>
                <c:pt idx="58">
                  <c:v>39.690284370655696</c:v>
                </c:pt>
                <c:pt idx="59">
                  <c:v>39.931515170319003</c:v>
                </c:pt>
                <c:pt idx="60">
                  <c:v>40.125555018139636</c:v>
                </c:pt>
                <c:pt idx="61">
                  <c:v>40.344977136153965</c:v>
                </c:pt>
                <c:pt idx="62">
                  <c:v>40.541026126292081</c:v>
                </c:pt>
                <c:pt idx="63">
                  <c:v>40.762720201678292</c:v>
                </c:pt>
                <c:pt idx="64">
                  <c:v>40.985626586365917</c:v>
                </c:pt>
                <c:pt idx="65">
                  <c:v>41.159840601149106</c:v>
                </c:pt>
                <c:pt idx="66">
                  <c:v>41.359849270304352</c:v>
                </c:pt>
                <c:pt idx="67">
                  <c:v>41.560829844772009</c:v>
                </c:pt>
                <c:pt idx="68">
                  <c:v>41.737488825688679</c:v>
                </c:pt>
                <c:pt idx="69">
                  <c:v>41.914898715469654</c:v>
                </c:pt>
                <c:pt idx="70">
                  <c:v>42.118576450548737</c:v>
                </c:pt>
                <c:pt idx="71">
                  <c:v>42.271984002482021</c:v>
                </c:pt>
                <c:pt idx="72">
                  <c:v>42.451665824117825</c:v>
                </c:pt>
                <c:pt idx="73">
                  <c:v>42.632111403542339</c:v>
                </c:pt>
                <c:pt idx="74">
                  <c:v>42.787389392385158</c:v>
                </c:pt>
                <c:pt idx="75">
                  <c:v>42.94323294678469</c:v>
                </c:pt>
                <c:pt idx="76">
                  <c:v>43.125767987542559</c:v>
                </c:pt>
                <c:pt idx="77">
                  <c:v>43.282844010754758</c:v>
                </c:pt>
                <c:pt idx="78">
                  <c:v>43.414177640333435</c:v>
                </c:pt>
                <c:pt idx="79">
                  <c:v>43.57230413159364</c:v>
                </c:pt>
                <c:pt idx="80">
                  <c:v>43.70451607333402</c:v>
                </c:pt>
                <c:pt idx="81">
                  <c:v>43.863700057795377</c:v>
                </c:pt>
                <c:pt idx="82">
                  <c:v>43.996796185533881</c:v>
                </c:pt>
                <c:pt idx="83">
                  <c:v>44.130296168377967</c:v>
                </c:pt>
                <c:pt idx="84">
                  <c:v>44.264201231749858</c:v>
                </c:pt>
                <c:pt idx="85">
                  <c:v>44.398512604789985</c:v>
                </c:pt>
                <c:pt idx="86">
                  <c:v>44.506255074546338</c:v>
                </c:pt>
                <c:pt idx="87">
                  <c:v>44.641300914335488</c:v>
                </c:pt>
                <c:pt idx="88">
                  <c:v>44.74963256175937</c:v>
                </c:pt>
                <c:pt idx="89">
                  <c:v>44.885416884646915</c:v>
                </c:pt>
                <c:pt idx="90">
                  <c:v>44.994340931590649</c:v>
                </c:pt>
                <c:pt idx="91">
                  <c:v>45.103529305989163</c:v>
                </c:pt>
                <c:pt idx="92">
                  <c:v>45.212982649289479</c:v>
                </c:pt>
                <c:pt idx="93">
                  <c:v>45.322701604495194</c:v>
                </c:pt>
                <c:pt idx="94">
                  <c:v>45.432686816170317</c:v>
                </c:pt>
                <c:pt idx="95">
                  <c:v>45.515350844362281</c:v>
                </c:pt>
                <c:pt idx="96">
                  <c:v>45.625803560547865</c:v>
                </c:pt>
                <c:pt idx="97">
                  <c:v>45.736524313830515</c:v>
                </c:pt>
                <c:pt idx="98">
                  <c:v>45.819741169364008</c:v>
                </c:pt>
                <c:pt idx="99">
                  <c:v>45.930932553659439</c:v>
                </c:pt>
                <c:pt idx="100">
                  <c:v>46.014503131795422</c:v>
                </c:pt>
                <c:pt idx="101">
                  <c:v>46.098225765227077</c:v>
                </c:pt>
                <c:pt idx="102">
                  <c:v>46.182100730616519</c:v>
                </c:pt>
                <c:pt idx="103">
                  <c:v>46.266128305129243</c:v>
                </c:pt>
                <c:pt idx="104">
                  <c:v>46.350308766435063</c:v>
                </c:pt>
                <c:pt idx="105">
                  <c:v>46.434642392708966</c:v>
                </c:pt>
                <c:pt idx="106">
                  <c:v>46.519129462632108</c:v>
                </c:pt>
                <c:pt idx="107">
                  <c:v>46.603770255392682</c:v>
                </c:pt>
                <c:pt idx="108">
                  <c:v>46.688565050686904</c:v>
                </c:pt>
                <c:pt idx="109">
                  <c:v>46.773514128719818</c:v>
                </c:pt>
                <c:pt idx="110">
                  <c:v>46.858617770206351</c:v>
                </c:pt>
                <c:pt idx="111">
                  <c:v>46.915439538638523</c:v>
                </c:pt>
                <c:pt idx="112">
                  <c:v>47.000801411079671</c:v>
                </c:pt>
                <c:pt idx="113">
                  <c:v>47.057795594454952</c:v>
                </c:pt>
                <c:pt idx="114">
                  <c:v>47.143416481403833</c:v>
                </c:pt>
                <c:pt idx="115">
                  <c:v>47.200583602882844</c:v>
                </c:pt>
                <c:pt idx="116">
                  <c:v>47.286464290270175</c:v>
                </c:pt>
                <c:pt idx="117">
                  <c:v>47.343804874601005</c:v>
                </c:pt>
                <c:pt idx="118">
                  <c:v>47.429946150742197</c:v>
                </c:pt>
                <c:pt idx="119">
                  <c:v>47.487460724265148</c:v>
                </c:pt>
                <c:pt idx="120">
                  <c:v>47.545045041197838</c:v>
                </c:pt>
                <c:pt idx="121">
                  <c:v>47.63155247052017</c:v>
                </c:pt>
                <c:pt idx="122">
                  <c:v>47.689311516205592</c:v>
                </c:pt>
                <c:pt idx="123">
                  <c:v>47.747140601752953</c:v>
                </c:pt>
                <c:pt idx="124">
                  <c:v>47.834015740631678</c:v>
                </c:pt>
                <c:pt idx="125">
                  <c:v>47.892020297636002</c:v>
                </c:pt>
                <c:pt idx="126">
                  <c:v>47.950095192214562</c:v>
                </c:pt>
                <c:pt idx="127">
                  <c:v>48.008240509660219</c:v>
                </c:pt>
                <c:pt idx="128">
                  <c:v>48.06645633536926</c:v>
                </c:pt>
                <c:pt idx="129">
                  <c:v>48.153912463985897</c:v>
                </c:pt>
                <c:pt idx="130">
                  <c:v>48.212304934642006</c:v>
                </c:pt>
                <c:pt idx="131">
                  <c:v>48.270768213264795</c:v>
                </c:pt>
                <c:pt idx="132">
                  <c:v>48.329302385717533</c:v>
                </c:pt>
                <c:pt idx="133">
                  <c:v>48.387907537967592</c:v>
                </c:pt>
                <c:pt idx="134">
                  <c:v>48.446583756086618</c:v>
                </c:pt>
                <c:pt idx="135">
                  <c:v>48.505331126250603</c:v>
                </c:pt>
                <c:pt idx="136">
                  <c:v>48.593585780348079</c:v>
                </c:pt>
                <c:pt idx="137">
                  <c:v>48.652511408330568</c:v>
                </c:pt>
                <c:pt idx="138">
                  <c:v>48.711508490797776</c:v>
                </c:pt>
                <c:pt idx="139">
                  <c:v>48.770577114396971</c:v>
                </c:pt>
                <c:pt idx="140">
                  <c:v>48.829717365880462</c:v>
                </c:pt>
                <c:pt idx="141">
                  <c:v>48.888929332105747</c:v>
                </c:pt>
                <c:pt idx="142">
                  <c:v>48.948213100035687</c:v>
                </c:pt>
                <c:pt idx="143">
                  <c:v>49.007568756738564</c:v>
                </c:pt>
                <c:pt idx="144">
                  <c:v>49.066996389388251</c:v>
                </c:pt>
                <c:pt idx="145">
                  <c:v>49.126496085264328</c:v>
                </c:pt>
                <c:pt idx="146">
                  <c:v>49.186067931752227</c:v>
                </c:pt>
                <c:pt idx="147">
                  <c:v>49.245712016343319</c:v>
                </c:pt>
                <c:pt idx="148">
                  <c:v>49.305428426635096</c:v>
                </c:pt>
                <c:pt idx="149">
                  <c:v>49.365217250331241</c:v>
                </c:pt>
                <c:pt idx="150">
                  <c:v>49.45503645312229</c:v>
                </c:pt>
                <c:pt idx="151">
                  <c:v>49.515006694731312</c:v>
                </c:pt>
                <c:pt idx="152">
                  <c:v>49.575049657546046</c:v>
                </c:pt>
                <c:pt idx="153">
                  <c:v>49.635165429749783</c:v>
                </c:pt>
                <c:pt idx="154">
                  <c:v>49.695354099632731</c:v>
                </c:pt>
                <c:pt idx="155">
                  <c:v>49.755615755592217</c:v>
                </c:pt>
                <c:pt idx="156">
                  <c:v>49.815950486132706</c:v>
                </c:pt>
                <c:pt idx="157">
                  <c:v>49.876358379866012</c:v>
                </c:pt>
                <c:pt idx="158">
                  <c:v>49.936839525511409</c:v>
                </c:pt>
                <c:pt idx="159">
                  <c:v>50.027698785652817</c:v>
                </c:pt>
                <c:pt idx="160">
                  <c:v>50.088363449931528</c:v>
                </c:pt>
                <c:pt idx="161">
                  <c:v>50.149101677487792</c:v>
                </c:pt>
                <c:pt idx="162">
                  <c:v>50.209913557526065</c:v>
                </c:pt>
                <c:pt idx="163">
                  <c:v>50.270799179358882</c:v>
                </c:pt>
                <c:pt idx="164">
                  <c:v>50.331758632407173</c:v>
                </c:pt>
                <c:pt idx="165">
                  <c:v>50.392792006200246</c:v>
                </c:pt>
                <c:pt idx="166">
                  <c:v>50.484480864398904</c:v>
                </c:pt>
                <c:pt idx="167">
                  <c:v>50.545699432457482</c:v>
                </c:pt>
                <c:pt idx="168">
                  <c:v>50.606992235469264</c:v>
                </c:pt>
                <c:pt idx="169">
                  <c:v>50.668359363453177</c:v>
                </c:pt>
                <c:pt idx="170">
                  <c:v>50.729800906537271</c:v>
                </c:pt>
                <c:pt idx="171">
                  <c:v>50.822102946900372</c:v>
                </c:pt>
                <c:pt idx="172">
                  <c:v>50.883730922762723</c:v>
                </c:pt>
                <c:pt idx="173">
                  <c:v>50.945433630035012</c:v>
                </c:pt>
                <c:pt idx="174">
                  <c:v>51.007211159338141</c:v>
                </c:pt>
                <c:pt idx="175">
                  <c:v>51.10001794310439</c:v>
                </c:pt>
                <c:pt idx="176">
                  <c:v>51.161982924672635</c:v>
                </c:pt>
                <c:pt idx="177">
                  <c:v>51.224023046311174</c:v>
                </c:pt>
                <c:pt idx="178">
                  <c:v>51.286138399136483</c:v>
                </c:pt>
                <c:pt idx="179">
                  <c:v>51.379452686438853</c:v>
                </c:pt>
                <c:pt idx="180">
                  <c:v>51.441756516591028</c:v>
                </c:pt>
                <c:pt idx="181">
                  <c:v>51.504135897708615</c:v>
                </c:pt>
                <c:pt idx="182">
                  <c:v>51.566590921406316</c:v>
                </c:pt>
                <c:pt idx="183">
                  <c:v>51.660415487471226</c:v>
                </c:pt>
                <c:pt idx="184">
                  <c:v>51.723060019163029</c:v>
                </c:pt>
                <c:pt idx="185">
                  <c:v>51.785780514962241</c:v>
                </c:pt>
                <c:pt idx="186">
                  <c:v>51.848577066984568</c:v>
                </c:pt>
                <c:pt idx="187">
                  <c:v>51.942914702214459</c:v>
                </c:pt>
                <c:pt idx="188">
                  <c:v>52.005901798534218</c:v>
                </c:pt>
                <c:pt idx="189">
                  <c:v>52.068965274362611</c:v>
                </c:pt>
                <c:pt idx="190">
                  <c:v>52.163703902319646</c:v>
                </c:pt>
                <c:pt idx="191">
                  <c:v>52.226958732375415</c:v>
                </c:pt>
                <c:pt idx="192">
                  <c:v>52.290290266599527</c:v>
                </c:pt>
                <c:pt idx="193">
                  <c:v>52.353698598005103</c:v>
                </c:pt>
                <c:pt idx="194">
                  <c:v>52.448955293572538</c:v>
                </c:pt>
                <c:pt idx="195">
                  <c:v>52.512556025604731</c:v>
                </c:pt>
                <c:pt idx="196">
                  <c:v>52.576233881253444</c:v>
                </c:pt>
                <c:pt idx="197">
                  <c:v>52.671895476117328</c:v>
                </c:pt>
                <c:pt idx="198">
                  <c:v>52.735766550213135</c:v>
                </c:pt>
                <c:pt idx="199">
                  <c:v>52.79971507574809</c:v>
                </c:pt>
                <c:pt idx="200">
                  <c:v>52.895783290978436</c:v>
                </c:pt>
                <c:pt idx="201">
                  <c:v>52.959925856257229</c:v>
                </c:pt>
                <c:pt idx="202">
                  <c:v>53.02414620219119</c:v>
                </c:pt>
                <c:pt idx="203">
                  <c:v>53.088444423098835</c:v>
                </c:pt>
                <c:pt idx="204">
                  <c:v>53.185037976639137</c:v>
                </c:pt>
                <c:pt idx="205">
                  <c:v>53.249531298375295</c:v>
                </c:pt>
                <c:pt idx="206">
                  <c:v>53.314102826101475</c:v>
                </c:pt>
                <c:pt idx="207">
                  <c:v>53.411106961403398</c:v>
                </c:pt>
                <c:pt idx="208">
                  <c:v>53.475874419256087</c:v>
                </c:pt>
                <c:pt idx="209">
                  <c:v>53.540720415522166</c:v>
                </c:pt>
                <c:pt idx="210">
                  <c:v>53.638136877809629</c:v>
                </c:pt>
                <c:pt idx="211">
                  <c:v>53.703179637025265</c:v>
                </c:pt>
                <c:pt idx="212">
                  <c:v>53.768301268490625</c:v>
                </c:pt>
                <c:pt idx="213">
                  <c:v>53.833501867847886</c:v>
                </c:pt>
                <c:pt idx="214">
                  <c:v>53.931451041183841</c:v>
                </c:pt>
                <c:pt idx="215">
                  <c:v>53.996849479466903</c:v>
                </c:pt>
                <c:pt idx="216">
                  <c:v>54.062327221303761</c:v>
                </c:pt>
                <c:pt idx="217">
                  <c:v>54.127884362859646</c:v>
                </c:pt>
                <c:pt idx="218">
                  <c:v>54.226369160314981</c:v>
                </c:pt>
                <c:pt idx="219">
                  <c:v>54.292125222656715</c:v>
                </c:pt>
                <c:pt idx="220">
                  <c:v>54.357961022214909</c:v>
                </c:pt>
                <c:pt idx="221">
                  <c:v>54.456864440376798</c:v>
                </c:pt>
                <c:pt idx="222">
                  <c:v>54.522900006256023</c:v>
                </c:pt>
                <c:pt idx="223">
                  <c:v>54.589015648283699</c:v>
                </c:pt>
                <c:pt idx="224">
                  <c:v>54.655211463561905</c:v>
                </c:pt>
                <c:pt idx="225">
                  <c:v>54.754655724024445</c:v>
                </c:pt>
                <c:pt idx="226">
                  <c:v>54.821052398023504</c:v>
                </c:pt>
                <c:pt idx="227">
                  <c:v>54.887529586058491</c:v>
                </c:pt>
                <c:pt idx="228">
                  <c:v>54.954087385762449</c:v>
                </c:pt>
                <c:pt idx="229">
                  <c:v>55.020725894886844</c:v>
                </c:pt>
                <c:pt idx="230">
                  <c:v>55.120835202859752</c:v>
                </c:pt>
                <c:pt idx="231">
                  <c:v>55.187675913976008</c:v>
                </c:pt>
                <c:pt idx="232">
                  <c:v>55.254597677577152</c:v>
                </c:pt>
                <c:pt idx="233">
                  <c:v>55.321600591949206</c:v>
                </c:pt>
                <c:pt idx="234">
                  <c:v>55.422257336496592</c:v>
                </c:pt>
                <c:pt idx="235">
                  <c:v>55.489463558579523</c:v>
                </c:pt>
                <c:pt idx="236">
                  <c:v>55.556751276373802</c:v>
                </c:pt>
                <c:pt idx="237">
                  <c:v>55.624120588702894</c:v>
                </c:pt>
                <c:pt idx="238">
                  <c:v>55.691571594510094</c:v>
                </c:pt>
                <c:pt idx="239">
                  <c:v>55.75910439285866</c:v>
                </c:pt>
                <c:pt idx="240">
                  <c:v>55.860557168393143</c:v>
                </c:pt>
                <c:pt idx="241">
                  <c:v>55.92829488228562</c:v>
                </c:pt>
                <c:pt idx="242">
                  <c:v>55.996114736387867</c:v>
                </c:pt>
                <c:pt idx="243">
                  <c:v>56.064016830304872</c:v>
                </c:pt>
                <c:pt idx="244">
                  <c:v>56.13200126376239</c:v>
                </c:pt>
                <c:pt idx="245">
                  <c:v>56.200068136607129</c:v>
                </c:pt>
                <c:pt idx="246">
                  <c:v>56.268217548806867</c:v>
                </c:pt>
                <c:pt idx="247">
                  <c:v>56.370596647374946</c:v>
                </c:pt>
                <c:pt idx="248">
                  <c:v>56.438952846117061</c:v>
                </c:pt>
                <c:pt idx="249">
                  <c:v>56.507391935056994</c:v>
                </c:pt>
                <c:pt idx="250">
                  <c:v>56.57591401470917</c:v>
                </c:pt>
                <c:pt idx="251">
                  <c:v>56.64451918570991</c:v>
                </c:pt>
                <c:pt idx="252">
                  <c:v>56.713207548817564</c:v>
                </c:pt>
                <c:pt idx="253">
                  <c:v>56.781979204912695</c:v>
                </c:pt>
                <c:pt idx="254">
                  <c:v>56.850834254998148</c:v>
                </c:pt>
                <c:pt idx="255">
                  <c:v>56.919772800199297</c:v>
                </c:pt>
                <c:pt idx="256">
                  <c:v>56.988794941764084</c:v>
                </c:pt>
                <c:pt idx="257">
                  <c:v>57.057900781063289</c:v>
                </c:pt>
                <c:pt idx="258">
                  <c:v>57.127090419590566</c:v>
                </c:pt>
                <c:pt idx="259">
                  <c:v>57.196363958962657</c:v>
                </c:pt>
                <c:pt idx="260">
                  <c:v>57.265721500919561</c:v>
                </c:pt>
                <c:pt idx="261">
                  <c:v>57.3351631473246</c:v>
                </c:pt>
                <c:pt idx="262">
                  <c:v>57.40468900016463</c:v>
                </c:pt>
                <c:pt idx="263">
                  <c:v>57.474299161550213</c:v>
                </c:pt>
                <c:pt idx="264">
                  <c:v>57.543993733715681</c:v>
                </c:pt>
                <c:pt idx="265">
                  <c:v>57.613772819019381</c:v>
                </c:pt>
                <c:pt idx="266">
                  <c:v>57.683636519943747</c:v>
                </c:pt>
                <c:pt idx="267">
                  <c:v>57.753584939095518</c:v>
                </c:pt>
                <c:pt idx="268">
                  <c:v>57.823618179205823</c:v>
                </c:pt>
                <c:pt idx="269">
                  <c:v>57.893736343130399</c:v>
                </c:pt>
                <c:pt idx="270">
                  <c:v>57.963939533849683</c:v>
                </c:pt>
                <c:pt idx="271">
                  <c:v>58.03422785446898</c:v>
                </c:pt>
                <c:pt idx="272">
                  <c:v>58.10460140821867</c:v>
                </c:pt>
                <c:pt idx="273">
                  <c:v>58.175060298454262</c:v>
                </c:pt>
                <c:pt idx="274">
                  <c:v>58.245604628656608</c:v>
                </c:pt>
                <c:pt idx="275">
                  <c:v>58.316234502432074</c:v>
                </c:pt>
                <c:pt idx="276">
                  <c:v>58.386950023512632</c:v>
                </c:pt>
                <c:pt idx="277">
                  <c:v>58.457751295756019</c:v>
                </c:pt>
                <c:pt idx="278">
                  <c:v>58.528638423145985</c:v>
                </c:pt>
                <c:pt idx="279">
                  <c:v>58.599611509792297</c:v>
                </c:pt>
                <c:pt idx="280">
                  <c:v>58.670670659931012</c:v>
                </c:pt>
                <c:pt idx="281">
                  <c:v>58.706232541418338</c:v>
                </c:pt>
                <c:pt idx="282">
                  <c:v>58.777420982514762</c:v>
                </c:pt>
                <c:pt idx="283">
                  <c:v>58.848695748247046</c:v>
                </c:pt>
                <c:pt idx="284">
                  <c:v>58.920056943294277</c:v>
                </c:pt>
                <c:pt idx="285">
                  <c:v>58.991504672462504</c:v>
                </c:pt>
                <c:pt idx="286">
                  <c:v>59.06303904068487</c:v>
                </c:pt>
                <c:pt idx="287">
                  <c:v>59.134660153021755</c:v>
                </c:pt>
                <c:pt idx="288">
                  <c:v>59.170503271099342</c:v>
                </c:pt>
                <c:pt idx="289">
                  <c:v>59.242254696874951</c:v>
                </c:pt>
                <c:pt idx="290">
                  <c:v>59.314093129973735</c:v>
                </c:pt>
                <c:pt idx="291">
                  <c:v>59.386018675902655</c:v>
                </c:pt>
                <c:pt idx="292">
                  <c:v>59.458031440296601</c:v>
                </c:pt>
                <c:pt idx="293">
                  <c:v>59.494070562463882</c:v>
                </c:pt>
                <c:pt idx="294">
                  <c:v>59.566214352901035</c:v>
                </c:pt>
                <c:pt idx="295">
                  <c:v>59.638445626451208</c:v>
                </c:pt>
                <c:pt idx="296">
                  <c:v>59.710764489198297</c:v>
                </c:pt>
                <c:pt idx="297">
                  <c:v>59.783171047354855</c:v>
                </c:pt>
                <c:pt idx="298">
                  <c:v>59.819407245438313</c:v>
                </c:pt>
                <c:pt idx="299">
                  <c:v>59.891945546139368</c:v>
                </c:pt>
                <c:pt idx="300">
                  <c:v>59.964571808345077</c:v>
                </c:pt>
                <c:pt idx="301">
                  <c:v>60.037286138719459</c:v>
                </c:pt>
                <c:pt idx="302">
                  <c:v>60.073676362837759</c:v>
                </c:pt>
                <c:pt idx="303">
                  <c:v>60.146522995743126</c:v>
                </c:pt>
                <c:pt idx="304">
                  <c:v>60.219457964043407</c:v>
                </c:pt>
                <c:pt idx="305">
                  <c:v>60.25595860743578</c:v>
                </c:pt>
                <c:pt idx="306">
                  <c:v>60.329026279714149</c:v>
                </c:pt>
                <c:pt idx="307">
                  <c:v>60.402182555424545</c:v>
                </c:pt>
                <c:pt idx="308">
                  <c:v>60.475427542009399</c:v>
                </c:pt>
                <c:pt idx="309">
                  <c:v>60.51208333549112</c:v>
                </c:pt>
                <c:pt idx="310">
                  <c:v>60.585461590127231</c:v>
                </c:pt>
                <c:pt idx="311">
                  <c:v>60.658928824814204</c:v>
                </c:pt>
                <c:pt idx="312">
                  <c:v>60.695695843390155</c:v>
                </c:pt>
                <c:pt idx="313">
                  <c:v>60.769296750505177</c:v>
                </c:pt>
                <c:pt idx="314">
                  <c:v>60.842986907664262</c:v>
                </c:pt>
                <c:pt idx="315">
                  <c:v>60.879865488825999</c:v>
                </c:pt>
                <c:pt idx="316">
                  <c:v>60.953689724016911</c:v>
                </c:pt>
                <c:pt idx="317">
                  <c:v>61.027603480064322</c:v>
                </c:pt>
                <c:pt idx="318">
                  <c:v>61.064593962327471</c:v>
                </c:pt>
                <c:pt idx="319">
                  <c:v>61.138642203241211</c:v>
                </c:pt>
                <c:pt idx="320">
                  <c:v>61.212780236645592</c:v>
                </c:pt>
                <c:pt idx="321">
                  <c:v>61.249882959552984</c:v>
                </c:pt>
                <c:pt idx="322">
                  <c:v>61.324155885892672</c:v>
                </c:pt>
                <c:pt idx="323">
                  <c:v>61.398518877181395</c:v>
                </c:pt>
                <c:pt idx="324">
                  <c:v>61.43573418130606</c:v>
                </c:pt>
                <c:pt idx="325">
                  <c:v>61.510232474837281</c:v>
                </c:pt>
                <c:pt idx="326">
                  <c:v>61.54751549159716</c:v>
                </c:pt>
                <c:pt idx="327">
                  <c:v>61.622149333551071</c:v>
                </c:pt>
                <c:pt idx="328">
                  <c:v>61.659500186148207</c:v>
                </c:pt>
                <c:pt idx="329">
                  <c:v>61.734269823152943</c:v>
                </c:pt>
                <c:pt idx="330">
                  <c:v>61.809130127428759</c:v>
                </c:pt>
                <c:pt idx="331">
                  <c:v>61.846594314145939</c:v>
                </c:pt>
                <c:pt idx="332">
                  <c:v>61.921590825517058</c:v>
                </c:pt>
                <c:pt idx="333">
                  <c:v>61.959123177707262</c:v>
                </c:pt>
                <c:pt idx="334">
                  <c:v>62.034256144000253</c:v>
                </c:pt>
                <c:pt idx="335">
                  <c:v>62.07185678568942</c:v>
                </c:pt>
                <c:pt idx="336">
                  <c:v>62.147126455181777</c:v>
                </c:pt>
                <c:pt idx="337">
                  <c:v>62.184795510621548</c:v>
                </c:pt>
                <c:pt idx="338">
                  <c:v>62.260202132042522</c:v>
                </c:pt>
                <c:pt idx="339">
                  <c:v>62.33570019315556</c:v>
                </c:pt>
                <c:pt idx="340">
                  <c:v>62.373483548241914</c:v>
                </c:pt>
                <c:pt idx="341">
                  <c:v>62.449118976838378</c:v>
                </c:pt>
                <c:pt idx="342">
                  <c:v>62.486971078119346</c:v>
                </c:pt>
                <c:pt idx="343">
                  <c:v>62.562744124137105</c:v>
                </c:pt>
                <c:pt idx="344">
                  <c:v>62.600665096695266</c:v>
                </c:pt>
                <c:pt idx="345">
                  <c:v>62.638609054181281</c:v>
                </c:pt>
                <c:pt idx="346">
                  <c:v>62.714565979672457</c:v>
                </c:pt>
                <c:pt idx="347">
                  <c:v>62.752578975566529</c:v>
                </c:pt>
                <c:pt idx="348">
                  <c:v>62.828674103437322</c:v>
                </c:pt>
                <c:pt idx="349">
                  <c:v>62.866756263353693</c:v>
                </c:pt>
                <c:pt idx="350">
                  <c:v>62.942989845061057</c:v>
                </c:pt>
                <c:pt idx="351">
                  <c:v>62.981141294842537</c:v>
                </c:pt>
                <c:pt idx="352">
                  <c:v>63.057513582300963</c:v>
                </c:pt>
                <c:pt idx="353">
                  <c:v>63.095734448019329</c:v>
                </c:pt>
                <c:pt idx="354">
                  <c:v>63.172245693601639</c:v>
                </c:pt>
                <c:pt idx="355">
                  <c:v>63.210536101558034</c:v>
                </c:pt>
                <c:pt idx="356">
                  <c:v>63.287186558096273</c:v>
                </c:pt>
                <c:pt idx="357">
                  <c:v>63.32554663482167</c:v>
                </c:pt>
                <c:pt idx="358">
                  <c:v>63.363929962627843</c:v>
                </c:pt>
                <c:pt idx="359">
                  <c:v>63.440766427863473</c:v>
                </c:pt>
                <c:pt idx="360">
                  <c:v>63.47921959350478</c:v>
                </c:pt>
                <c:pt idx="361">
                  <c:v>63.556195861428144</c:v>
                </c:pt>
                <c:pt idx="362">
                  <c:v>63.594718991973394</c:v>
                </c:pt>
                <c:pt idx="363">
                  <c:v>63.671835316953207</c:v>
                </c:pt>
                <c:pt idx="364">
                  <c:v>63.71042853970237</c:v>
                </c:pt>
                <c:pt idx="365">
                  <c:v>63.749045154848439</c:v>
                </c:pt>
                <c:pt idx="366">
                  <c:v>63.826348619054862</c:v>
                </c:pt>
                <c:pt idx="367">
                  <c:v>63.865035496498557</c:v>
                </c:pt>
                <c:pt idx="368">
                  <c:v>63.903745823105773</c:v>
                </c:pt>
                <c:pt idx="369">
                  <c:v>63.9812368806721</c:v>
                </c:pt>
                <c:pt idx="370">
                  <c:v>64.02001764008341</c:v>
                </c:pt>
                <c:pt idx="371">
                  <c:v>64.058821905562652</c:v>
                </c:pt>
                <c:pt idx="372">
                  <c:v>64.136501011724249</c:v>
                </c:pt>
                <c:pt idx="373">
                  <c:v>64.175375880927817</c:v>
                </c:pt>
                <c:pt idx="374">
                  <c:v>64.253196322948483</c:v>
                </c:pt>
                <c:pt idx="375">
                  <c:v>64.292141924338708</c:v>
                </c:pt>
                <c:pt idx="376">
                  <c:v>64.331111131712035</c:v>
                </c:pt>
                <c:pt idx="377">
                  <c:v>64.409120421649661</c:v>
                </c:pt>
                <c:pt idx="378">
                  <c:v>64.448160532856392</c:v>
                </c:pt>
                <c:pt idx="379">
                  <c:v>64.487224307331203</c:v>
                </c:pt>
                <c:pt idx="380">
                  <c:v>64.526311759417041</c:v>
                </c:pt>
                <c:pt idx="381">
                  <c:v>64.604557753837057</c:v>
                </c:pt>
                <c:pt idx="382">
                  <c:v>64.643716324900609</c:v>
                </c:pt>
                <c:pt idx="383">
                  <c:v>64.682898631033964</c:v>
                </c:pt>
                <c:pt idx="384">
                  <c:v>64.761334506064657</c:v>
                </c:pt>
                <c:pt idx="385">
                  <c:v>64.8005881037611</c:v>
                </c:pt>
                <c:pt idx="386">
                  <c:v>64.839865494125576</c:v>
                </c:pt>
                <c:pt idx="387">
                  <c:v>64.879166691579442</c:v>
                </c:pt>
                <c:pt idx="388">
                  <c:v>64.957840565484588</c:v>
                </c:pt>
                <c:pt idx="389">
                  <c:v>64.997213270822343</c:v>
                </c:pt>
                <c:pt idx="390">
                  <c:v>65.036609841022482</c:v>
                </c:pt>
                <c:pt idx="391">
                  <c:v>65.076030290550165</c:v>
                </c:pt>
                <c:pt idx="392">
                  <c:v>65.154942885492446</c:v>
                </c:pt>
                <c:pt idx="393">
                  <c:v>65.194435059881201</c:v>
                </c:pt>
                <c:pt idx="394">
                  <c:v>65.233951171545769</c:v>
                </c:pt>
                <c:pt idx="395">
                  <c:v>65.273491234995177</c:v>
                </c:pt>
                <c:pt idx="396">
                  <c:v>65.313055264747234</c:v>
                </c:pt>
                <c:pt idx="397">
                  <c:v>65.392255281274643</c:v>
                </c:pt>
                <c:pt idx="398">
                  <c:v>65.431891297129681</c:v>
                </c:pt>
                <c:pt idx="399">
                  <c:v>65.471551337446712</c:v>
                </c:pt>
                <c:pt idx="400">
                  <c:v>65.511235416787628</c:v>
                </c:pt>
              </c:numCache>
            </c:numRef>
          </c:yVal>
          <c:smooth val="1"/>
          <c:extLst>
            <c:ext xmlns:c16="http://schemas.microsoft.com/office/drawing/2014/chart" uri="{C3380CC4-5D6E-409C-BE32-E72D297353CC}">
              <c16:uniqueId val="{00000001-7E59-44B7-80AE-8E1E2914BD7B}"/>
            </c:ext>
          </c:extLst>
        </c:ser>
        <c:dLbls>
          <c:showLegendKey val="0"/>
          <c:showVal val="0"/>
          <c:showCatName val="0"/>
          <c:showSerName val="0"/>
          <c:showPercent val="0"/>
          <c:showBubbleSize val="0"/>
        </c:dLbls>
        <c:axId val="287066752"/>
        <c:axId val="287098752"/>
      </c:scatterChart>
      <c:valAx>
        <c:axId val="287066752"/>
        <c:scaling>
          <c:orientation val="minMax"/>
          <c:max val="1100"/>
          <c:min val="200"/>
        </c:scaling>
        <c:delete val="0"/>
        <c:axPos val="b"/>
        <c:title>
          <c:tx>
            <c:rich>
              <a:bodyPr/>
              <a:lstStyle/>
              <a:p>
                <a:pPr>
                  <a:defRPr/>
                </a:pPr>
                <a:r>
                  <a:rPr lang="en-US"/>
                  <a:t>wavelength(nm)</a:t>
                </a:r>
              </a:p>
            </c:rich>
          </c:tx>
          <c:overlay val="0"/>
        </c:title>
        <c:numFmt formatCode="General" sourceLinked="1"/>
        <c:majorTickMark val="none"/>
        <c:minorTickMark val="none"/>
        <c:tickLblPos val="nextTo"/>
        <c:crossAx val="287098752"/>
        <c:crosses val="autoZero"/>
        <c:crossBetween val="midCat"/>
        <c:majorUnit val="100"/>
      </c:valAx>
      <c:valAx>
        <c:axId val="287098752"/>
        <c:scaling>
          <c:orientation val="minMax"/>
        </c:scaling>
        <c:delete val="0"/>
        <c:axPos val="l"/>
        <c:title>
          <c:tx>
            <c:rich>
              <a:bodyPr/>
              <a:lstStyle/>
              <a:p>
                <a:pPr>
                  <a:defRPr/>
                </a:pPr>
                <a:r>
                  <a:rPr lang="en-US"/>
                  <a:t>Transmission%</a:t>
                </a:r>
              </a:p>
            </c:rich>
          </c:tx>
          <c:overlay val="0"/>
        </c:title>
        <c:numFmt formatCode="General" sourceLinked="1"/>
        <c:majorTickMark val="none"/>
        <c:minorTickMark val="none"/>
        <c:tickLblPos val="nextTo"/>
        <c:crossAx val="287066752"/>
        <c:crosses val="autoZero"/>
        <c:crossBetween val="midCat"/>
      </c:valAx>
    </c:plotArea>
    <c:legend>
      <c:legendPos val="r"/>
      <c:overlay val="0"/>
    </c:legend>
    <c:plotVisOnly val="1"/>
    <c:dispBlanksAs val="gap"/>
    <c:showDLblsOverMax val="0"/>
  </c:chart>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7060448629488326"/>
          <c:y val="6.0669506475624975E-2"/>
          <c:w val="0.76609654463295185"/>
          <c:h val="0.68656167979002625"/>
        </c:manualLayout>
      </c:layout>
      <c:scatterChart>
        <c:scatterStyle val="smoothMarker"/>
        <c:varyColors val="0"/>
        <c:ser>
          <c:idx val="0"/>
          <c:order val="0"/>
          <c:tx>
            <c:strRef>
              <c:f>'S400'!$K$1</c:f>
              <c:strCache>
                <c:ptCount val="1"/>
                <c:pt idx="0">
                  <c:v>α300</c:v>
                </c:pt>
              </c:strCache>
            </c:strRef>
          </c:tx>
          <c:marker>
            <c:symbol val="none"/>
          </c:marker>
          <c:xVal>
            <c:numRef>
              <c:f>'S400'!$H$2:$H$1272</c:f>
              <c:numCache>
                <c:formatCode>General</c:formatCode>
                <c:ptCount val="1271"/>
                <c:pt idx="0">
                  <c:v>4.1333333333333337</c:v>
                </c:pt>
                <c:pt idx="1">
                  <c:v>4.1059602649006619</c:v>
                </c:pt>
                <c:pt idx="2">
                  <c:v>4.0789473684210522</c:v>
                </c:pt>
                <c:pt idx="3">
                  <c:v>4.0522875816993462</c:v>
                </c:pt>
                <c:pt idx="4">
                  <c:v>4.0259740259740262</c:v>
                </c:pt>
                <c:pt idx="5">
                  <c:v>4</c:v>
                </c:pt>
                <c:pt idx="6">
                  <c:v>3.9743589743589745</c:v>
                </c:pt>
                <c:pt idx="7">
                  <c:v>3.9490445859872612</c:v>
                </c:pt>
                <c:pt idx="8">
                  <c:v>3.9240506329113924</c:v>
                </c:pt>
                <c:pt idx="9">
                  <c:v>3.89937106918239</c:v>
                </c:pt>
                <c:pt idx="10">
                  <c:v>3.875</c:v>
                </c:pt>
                <c:pt idx="11">
                  <c:v>3.8509316770186337</c:v>
                </c:pt>
                <c:pt idx="12">
                  <c:v>3.8271604938271606</c:v>
                </c:pt>
                <c:pt idx="13">
                  <c:v>3.8036809815950918</c:v>
                </c:pt>
                <c:pt idx="14">
                  <c:v>3.7804878048780486</c:v>
                </c:pt>
                <c:pt idx="15">
                  <c:v>3.7575757575757578</c:v>
                </c:pt>
                <c:pt idx="16">
                  <c:v>3.7349397590361444</c:v>
                </c:pt>
                <c:pt idx="17">
                  <c:v>3.7125748502994012</c:v>
                </c:pt>
                <c:pt idx="18">
                  <c:v>3.6904761904761907</c:v>
                </c:pt>
                <c:pt idx="19">
                  <c:v>3.668639053254438</c:v>
                </c:pt>
                <c:pt idx="20">
                  <c:v>3.6470588235294117</c:v>
                </c:pt>
                <c:pt idx="21">
                  <c:v>3.6257309941520468</c:v>
                </c:pt>
                <c:pt idx="22">
                  <c:v>3.6046511627906979</c:v>
                </c:pt>
                <c:pt idx="23">
                  <c:v>3.5838150289017343</c:v>
                </c:pt>
                <c:pt idx="24">
                  <c:v>3.5632183908045976</c:v>
                </c:pt>
                <c:pt idx="25">
                  <c:v>3.5428571428571427</c:v>
                </c:pt>
                <c:pt idx="26">
                  <c:v>3.5227272727272729</c:v>
                </c:pt>
                <c:pt idx="27">
                  <c:v>3.5028248587570623</c:v>
                </c:pt>
                <c:pt idx="28">
                  <c:v>3.4831460674157304</c:v>
                </c:pt>
                <c:pt idx="29">
                  <c:v>3.4636871508379889</c:v>
                </c:pt>
                <c:pt idx="30">
                  <c:v>3.4444444444444446</c:v>
                </c:pt>
                <c:pt idx="31">
                  <c:v>3.4254143646408841</c:v>
                </c:pt>
                <c:pt idx="32">
                  <c:v>3.4065934065934065</c:v>
                </c:pt>
                <c:pt idx="33">
                  <c:v>3.3879781420765029</c:v>
                </c:pt>
                <c:pt idx="34">
                  <c:v>3.3695652173913042</c:v>
                </c:pt>
                <c:pt idx="35">
                  <c:v>3.3513513513513513</c:v>
                </c:pt>
                <c:pt idx="36">
                  <c:v>3.3333333333333335</c:v>
                </c:pt>
                <c:pt idx="37">
                  <c:v>3.3155080213903743</c:v>
                </c:pt>
                <c:pt idx="38">
                  <c:v>3.2978723404255321</c:v>
                </c:pt>
                <c:pt idx="39">
                  <c:v>3.2804232804232805</c:v>
                </c:pt>
                <c:pt idx="40">
                  <c:v>3.263157894736842</c:v>
                </c:pt>
                <c:pt idx="41">
                  <c:v>3.2460732984293195</c:v>
                </c:pt>
                <c:pt idx="42">
                  <c:v>3.2291666666666665</c:v>
                </c:pt>
                <c:pt idx="43">
                  <c:v>3.2124352331606216</c:v>
                </c:pt>
                <c:pt idx="44">
                  <c:v>3.195876288659794</c:v>
                </c:pt>
                <c:pt idx="45">
                  <c:v>3.1794871794871793</c:v>
                </c:pt>
                <c:pt idx="46">
                  <c:v>3.1632653061224492</c:v>
                </c:pt>
                <c:pt idx="47">
                  <c:v>3.1472081218274113</c:v>
                </c:pt>
                <c:pt idx="48">
                  <c:v>3.1313131313131315</c:v>
                </c:pt>
                <c:pt idx="49">
                  <c:v>3.1155778894472363</c:v>
                </c:pt>
                <c:pt idx="50">
                  <c:v>3.1</c:v>
                </c:pt>
                <c:pt idx="51">
                  <c:v>3.0845771144278609</c:v>
                </c:pt>
                <c:pt idx="52">
                  <c:v>3.0693069306930694</c:v>
                </c:pt>
                <c:pt idx="53">
                  <c:v>3.0541871921182264</c:v>
                </c:pt>
                <c:pt idx="54">
                  <c:v>3.0392156862745097</c:v>
                </c:pt>
                <c:pt idx="55">
                  <c:v>3.024390243902439</c:v>
                </c:pt>
                <c:pt idx="56">
                  <c:v>3.0097087378640777</c:v>
                </c:pt>
                <c:pt idx="57">
                  <c:v>2.9951690821256038</c:v>
                </c:pt>
                <c:pt idx="58">
                  <c:v>2.9807692307692308</c:v>
                </c:pt>
                <c:pt idx="59">
                  <c:v>2.9665071770334928</c:v>
                </c:pt>
                <c:pt idx="60">
                  <c:v>2.9523809523809526</c:v>
                </c:pt>
                <c:pt idx="61">
                  <c:v>2.9383886255924172</c:v>
                </c:pt>
                <c:pt idx="62">
                  <c:v>2.9245283018867925</c:v>
                </c:pt>
                <c:pt idx="63">
                  <c:v>2.9107981220657275</c:v>
                </c:pt>
                <c:pt idx="64">
                  <c:v>2.8971962616822431</c:v>
                </c:pt>
                <c:pt idx="65">
                  <c:v>2.8837209302325579</c:v>
                </c:pt>
                <c:pt idx="66">
                  <c:v>2.8703703703703702</c:v>
                </c:pt>
                <c:pt idx="67">
                  <c:v>2.8571428571428572</c:v>
                </c:pt>
                <c:pt idx="68">
                  <c:v>2.8440366972477062</c:v>
                </c:pt>
                <c:pt idx="69">
                  <c:v>2.8310502283105023</c:v>
                </c:pt>
                <c:pt idx="70">
                  <c:v>2.8181818181818183</c:v>
                </c:pt>
                <c:pt idx="71">
                  <c:v>2.8054298642533935</c:v>
                </c:pt>
                <c:pt idx="72">
                  <c:v>2.7927927927927927</c:v>
                </c:pt>
                <c:pt idx="73">
                  <c:v>2.7802690582959642</c:v>
                </c:pt>
                <c:pt idx="74">
                  <c:v>2.7678571428571428</c:v>
                </c:pt>
                <c:pt idx="75">
                  <c:v>2.7555555555555555</c:v>
                </c:pt>
                <c:pt idx="76">
                  <c:v>2.7433628318584069</c:v>
                </c:pt>
                <c:pt idx="77">
                  <c:v>2.7312775330396475</c:v>
                </c:pt>
                <c:pt idx="78">
                  <c:v>2.7192982456140351</c:v>
                </c:pt>
                <c:pt idx="79">
                  <c:v>2.7074235807860263</c:v>
                </c:pt>
                <c:pt idx="80">
                  <c:v>2.6956521739130435</c:v>
                </c:pt>
                <c:pt idx="81">
                  <c:v>2.6839826839826841</c:v>
                </c:pt>
                <c:pt idx="82">
                  <c:v>2.6724137931034484</c:v>
                </c:pt>
                <c:pt idx="83">
                  <c:v>2.6609442060085837</c:v>
                </c:pt>
                <c:pt idx="84">
                  <c:v>2.6495726495726495</c:v>
                </c:pt>
                <c:pt idx="85">
                  <c:v>2.6382978723404253</c:v>
                </c:pt>
                <c:pt idx="86">
                  <c:v>2.6271186440677967</c:v>
                </c:pt>
                <c:pt idx="87">
                  <c:v>2.6160337552742616</c:v>
                </c:pt>
                <c:pt idx="88">
                  <c:v>2.6050420168067228</c:v>
                </c:pt>
                <c:pt idx="89">
                  <c:v>2.5941422594142258</c:v>
                </c:pt>
                <c:pt idx="90">
                  <c:v>2.5833333333333335</c:v>
                </c:pt>
                <c:pt idx="91">
                  <c:v>2.5726141078838176</c:v>
                </c:pt>
                <c:pt idx="92">
                  <c:v>2.5619834710743801</c:v>
                </c:pt>
                <c:pt idx="93">
                  <c:v>2.5514403292181069</c:v>
                </c:pt>
                <c:pt idx="94">
                  <c:v>2.540983606557377</c:v>
                </c:pt>
                <c:pt idx="95">
                  <c:v>2.5306122448979593</c:v>
                </c:pt>
                <c:pt idx="96">
                  <c:v>2.5203252032520327</c:v>
                </c:pt>
                <c:pt idx="97">
                  <c:v>2.5101214574898787</c:v>
                </c:pt>
                <c:pt idx="98">
                  <c:v>2.5</c:v>
                </c:pt>
                <c:pt idx="99">
                  <c:v>2.4899598393574296</c:v>
                </c:pt>
                <c:pt idx="100">
                  <c:v>2.48</c:v>
                </c:pt>
                <c:pt idx="101">
                  <c:v>2.4701195219123506</c:v>
                </c:pt>
                <c:pt idx="102">
                  <c:v>2.4603174603174605</c:v>
                </c:pt>
                <c:pt idx="103">
                  <c:v>2.4505928853754941</c:v>
                </c:pt>
                <c:pt idx="104">
                  <c:v>2.4409448818897639</c:v>
                </c:pt>
                <c:pt idx="105">
                  <c:v>2.4313725490196076</c:v>
                </c:pt>
                <c:pt idx="106">
                  <c:v>2.421875</c:v>
                </c:pt>
                <c:pt idx="107">
                  <c:v>2.4124513618677041</c:v>
                </c:pt>
                <c:pt idx="108">
                  <c:v>2.4031007751937983</c:v>
                </c:pt>
                <c:pt idx="109">
                  <c:v>2.3938223938223939</c:v>
                </c:pt>
                <c:pt idx="110">
                  <c:v>2.3846153846153846</c:v>
                </c:pt>
                <c:pt idx="111">
                  <c:v>2.3754789272030652</c:v>
                </c:pt>
                <c:pt idx="112">
                  <c:v>2.3664122137404582</c:v>
                </c:pt>
                <c:pt idx="113">
                  <c:v>2.3574144486692017</c:v>
                </c:pt>
                <c:pt idx="114">
                  <c:v>2.3484848484848486</c:v>
                </c:pt>
                <c:pt idx="115">
                  <c:v>2.3396226415094339</c:v>
                </c:pt>
                <c:pt idx="116">
                  <c:v>2.3308270676691731</c:v>
                </c:pt>
                <c:pt idx="117">
                  <c:v>2.3220973782771535</c:v>
                </c:pt>
                <c:pt idx="118">
                  <c:v>2.3134328358208953</c:v>
                </c:pt>
                <c:pt idx="119">
                  <c:v>2.3048327137546467</c:v>
                </c:pt>
                <c:pt idx="120">
                  <c:v>2.2962962962962963</c:v>
                </c:pt>
                <c:pt idx="121">
                  <c:v>2.2878228782287824</c:v>
                </c:pt>
                <c:pt idx="122">
                  <c:v>2.2794117647058822</c:v>
                </c:pt>
                <c:pt idx="123">
                  <c:v>2.271062271062271</c:v>
                </c:pt>
                <c:pt idx="124">
                  <c:v>2.2627737226277373</c:v>
                </c:pt>
                <c:pt idx="125">
                  <c:v>2.2545454545454544</c:v>
                </c:pt>
                <c:pt idx="126">
                  <c:v>2.2463768115942031</c:v>
                </c:pt>
                <c:pt idx="127">
                  <c:v>2.2382671480144403</c:v>
                </c:pt>
                <c:pt idx="128">
                  <c:v>2.2302158273381294</c:v>
                </c:pt>
                <c:pt idx="129">
                  <c:v>2.2222222222222223</c:v>
                </c:pt>
                <c:pt idx="130">
                  <c:v>2.2142857142857144</c:v>
                </c:pt>
                <c:pt idx="131">
                  <c:v>2.2064056939501779</c:v>
                </c:pt>
                <c:pt idx="132">
                  <c:v>2.1985815602836878</c:v>
                </c:pt>
                <c:pt idx="133">
                  <c:v>2.1908127208480566</c:v>
                </c:pt>
                <c:pt idx="134">
                  <c:v>2.183098591549296</c:v>
                </c:pt>
                <c:pt idx="135">
                  <c:v>2.1754385964912282</c:v>
                </c:pt>
                <c:pt idx="136">
                  <c:v>2.1678321678321679</c:v>
                </c:pt>
                <c:pt idx="137">
                  <c:v>2.1602787456445993</c:v>
                </c:pt>
                <c:pt idx="138">
                  <c:v>2.1527777777777777</c:v>
                </c:pt>
                <c:pt idx="139">
                  <c:v>2.1453287197231834</c:v>
                </c:pt>
                <c:pt idx="140">
                  <c:v>2.1379310344827585</c:v>
                </c:pt>
                <c:pt idx="141">
                  <c:v>2.1305841924398625</c:v>
                </c:pt>
                <c:pt idx="142">
                  <c:v>2.1232876712328768</c:v>
                </c:pt>
                <c:pt idx="143">
                  <c:v>2.1160409556313993</c:v>
                </c:pt>
                <c:pt idx="144">
                  <c:v>2.1088435374149661</c:v>
                </c:pt>
                <c:pt idx="145">
                  <c:v>2.1016949152542375</c:v>
                </c:pt>
                <c:pt idx="146">
                  <c:v>2.0945945945945947</c:v>
                </c:pt>
                <c:pt idx="147">
                  <c:v>2.0875420875420874</c:v>
                </c:pt>
                <c:pt idx="148">
                  <c:v>2.0805369127516777</c:v>
                </c:pt>
                <c:pt idx="149">
                  <c:v>2.0735785953177257</c:v>
                </c:pt>
                <c:pt idx="150">
                  <c:v>2.0666666666666669</c:v>
                </c:pt>
                <c:pt idx="151">
                  <c:v>2.0598006644518274</c:v>
                </c:pt>
                <c:pt idx="152">
                  <c:v>2.052980132450331</c:v>
                </c:pt>
                <c:pt idx="153">
                  <c:v>2.0462046204620461</c:v>
                </c:pt>
                <c:pt idx="154">
                  <c:v>2.0394736842105261</c:v>
                </c:pt>
                <c:pt idx="155">
                  <c:v>2.0327868852459017</c:v>
                </c:pt>
                <c:pt idx="156">
                  <c:v>2.0261437908496731</c:v>
                </c:pt>
                <c:pt idx="157">
                  <c:v>2.0195439739413681</c:v>
                </c:pt>
                <c:pt idx="158">
                  <c:v>2.0129870129870131</c:v>
                </c:pt>
                <c:pt idx="159">
                  <c:v>2.0064724919093853</c:v>
                </c:pt>
                <c:pt idx="160">
                  <c:v>2</c:v>
                </c:pt>
                <c:pt idx="161">
                  <c:v>1.9935691318327975</c:v>
                </c:pt>
                <c:pt idx="162">
                  <c:v>1.9871794871794872</c:v>
                </c:pt>
                <c:pt idx="163">
                  <c:v>1.9808306709265175</c:v>
                </c:pt>
                <c:pt idx="164">
                  <c:v>1.9745222929936306</c:v>
                </c:pt>
                <c:pt idx="165">
                  <c:v>1.9682539682539681</c:v>
                </c:pt>
                <c:pt idx="166">
                  <c:v>1.9620253164556962</c:v>
                </c:pt>
                <c:pt idx="167">
                  <c:v>1.9558359621451105</c:v>
                </c:pt>
                <c:pt idx="168">
                  <c:v>1.949685534591195</c:v>
                </c:pt>
                <c:pt idx="169">
                  <c:v>1.9435736677115987</c:v>
                </c:pt>
                <c:pt idx="170">
                  <c:v>1.9375</c:v>
                </c:pt>
                <c:pt idx="171">
                  <c:v>1.9314641744548287</c:v>
                </c:pt>
                <c:pt idx="172">
                  <c:v>1.9254658385093169</c:v>
                </c:pt>
                <c:pt idx="173">
                  <c:v>1.9195046439628483</c:v>
                </c:pt>
                <c:pt idx="174">
                  <c:v>1.9135802469135803</c:v>
                </c:pt>
                <c:pt idx="175">
                  <c:v>1.9076923076923078</c:v>
                </c:pt>
                <c:pt idx="176">
                  <c:v>1.9018404907975459</c:v>
                </c:pt>
                <c:pt idx="177">
                  <c:v>1.8960244648318043</c:v>
                </c:pt>
                <c:pt idx="178">
                  <c:v>1.8902439024390243</c:v>
                </c:pt>
                <c:pt idx="179">
                  <c:v>1.884498480243161</c:v>
                </c:pt>
                <c:pt idx="180">
                  <c:v>1.8787878787878789</c:v>
                </c:pt>
                <c:pt idx="181">
                  <c:v>1.8731117824773413</c:v>
                </c:pt>
                <c:pt idx="182">
                  <c:v>1.8674698795180722</c:v>
                </c:pt>
                <c:pt idx="183">
                  <c:v>1.8618618618618619</c:v>
                </c:pt>
                <c:pt idx="184">
                  <c:v>1.8562874251497006</c:v>
                </c:pt>
                <c:pt idx="185">
                  <c:v>1.8507462686567164</c:v>
                </c:pt>
                <c:pt idx="186">
                  <c:v>1.8452380952380953</c:v>
                </c:pt>
                <c:pt idx="187">
                  <c:v>1.8397626112759644</c:v>
                </c:pt>
                <c:pt idx="188">
                  <c:v>1.834319526627219</c:v>
                </c:pt>
                <c:pt idx="189">
                  <c:v>1.8289085545722714</c:v>
                </c:pt>
                <c:pt idx="190">
                  <c:v>1.8235294117647058</c:v>
                </c:pt>
                <c:pt idx="191">
                  <c:v>1.8181818181818181</c:v>
                </c:pt>
                <c:pt idx="192">
                  <c:v>1.8128654970760234</c:v>
                </c:pt>
                <c:pt idx="193">
                  <c:v>1.8075801749271136</c:v>
                </c:pt>
                <c:pt idx="194">
                  <c:v>1.8023255813953489</c:v>
                </c:pt>
                <c:pt idx="195">
                  <c:v>1.7971014492753623</c:v>
                </c:pt>
                <c:pt idx="196">
                  <c:v>1.7919075144508672</c:v>
                </c:pt>
                <c:pt idx="197">
                  <c:v>1.7867435158501441</c:v>
                </c:pt>
                <c:pt idx="198">
                  <c:v>1.7816091954022988</c:v>
                </c:pt>
                <c:pt idx="199">
                  <c:v>1.7765042979942693</c:v>
                </c:pt>
                <c:pt idx="200">
                  <c:v>1.7714285714285714</c:v>
                </c:pt>
                <c:pt idx="201">
                  <c:v>1.7663817663817665</c:v>
                </c:pt>
                <c:pt idx="202">
                  <c:v>1.7613636363636365</c:v>
                </c:pt>
                <c:pt idx="203">
                  <c:v>1.7563739376770537</c:v>
                </c:pt>
                <c:pt idx="204">
                  <c:v>1.7514124293785311</c:v>
                </c:pt>
                <c:pt idx="205">
                  <c:v>1.7464788732394365</c:v>
                </c:pt>
                <c:pt idx="206">
                  <c:v>1.7415730337078652</c:v>
                </c:pt>
                <c:pt idx="207">
                  <c:v>1.7366946778711485</c:v>
                </c:pt>
                <c:pt idx="208">
                  <c:v>1.7318435754189945</c:v>
                </c:pt>
                <c:pt idx="209">
                  <c:v>1.7270194986072422</c:v>
                </c:pt>
                <c:pt idx="210">
                  <c:v>1.7222222222222223</c:v>
                </c:pt>
                <c:pt idx="211">
                  <c:v>1.7174515235457064</c:v>
                </c:pt>
                <c:pt idx="212">
                  <c:v>1.7127071823204421</c:v>
                </c:pt>
                <c:pt idx="213">
                  <c:v>1.7079889807162534</c:v>
                </c:pt>
                <c:pt idx="214">
                  <c:v>1.7032967032967032</c:v>
                </c:pt>
                <c:pt idx="215">
                  <c:v>1.6986301369863013</c:v>
                </c:pt>
                <c:pt idx="216">
                  <c:v>1.6939890710382515</c:v>
                </c:pt>
                <c:pt idx="217">
                  <c:v>1.6893732970027249</c:v>
                </c:pt>
                <c:pt idx="218">
                  <c:v>1.6847826086956521</c:v>
                </c:pt>
                <c:pt idx="219">
                  <c:v>1.6802168021680217</c:v>
                </c:pt>
                <c:pt idx="220">
                  <c:v>1.6756756756756757</c:v>
                </c:pt>
                <c:pt idx="221">
                  <c:v>1.6711590296495957</c:v>
                </c:pt>
                <c:pt idx="222">
                  <c:v>1.6666666666666667</c:v>
                </c:pt>
                <c:pt idx="223">
                  <c:v>1.6621983914209115</c:v>
                </c:pt>
                <c:pt idx="224">
                  <c:v>1.6577540106951871</c:v>
                </c:pt>
                <c:pt idx="225">
                  <c:v>1.6533333333333333</c:v>
                </c:pt>
                <c:pt idx="226">
                  <c:v>1.6489361702127661</c:v>
                </c:pt>
                <c:pt idx="227">
                  <c:v>1.6445623342175066</c:v>
                </c:pt>
                <c:pt idx="228">
                  <c:v>1.6402116402116402</c:v>
                </c:pt>
                <c:pt idx="229">
                  <c:v>1.6358839050131926</c:v>
                </c:pt>
                <c:pt idx="230">
                  <c:v>1.631578947368421</c:v>
                </c:pt>
                <c:pt idx="231">
                  <c:v>1.6272965879265091</c:v>
                </c:pt>
                <c:pt idx="232">
                  <c:v>1.6230366492146597</c:v>
                </c:pt>
                <c:pt idx="233">
                  <c:v>1.6187989556135771</c:v>
                </c:pt>
                <c:pt idx="234">
                  <c:v>1.6145833333333333</c:v>
                </c:pt>
                <c:pt idx="235">
                  <c:v>1.6103896103896105</c:v>
                </c:pt>
                <c:pt idx="236">
                  <c:v>1.6062176165803108</c:v>
                </c:pt>
                <c:pt idx="237">
                  <c:v>1.6020671834625324</c:v>
                </c:pt>
                <c:pt idx="238">
                  <c:v>1.597938144329897</c:v>
                </c:pt>
                <c:pt idx="239">
                  <c:v>1.5938303341902313</c:v>
                </c:pt>
                <c:pt idx="240">
                  <c:v>1.5897435897435896</c:v>
                </c:pt>
                <c:pt idx="241">
                  <c:v>1.5856777493606138</c:v>
                </c:pt>
                <c:pt idx="242">
                  <c:v>1.5816326530612246</c:v>
                </c:pt>
                <c:pt idx="243">
                  <c:v>1.5776081424936388</c:v>
                </c:pt>
                <c:pt idx="244">
                  <c:v>1.5736040609137056</c:v>
                </c:pt>
                <c:pt idx="245">
                  <c:v>1.5696202531645569</c:v>
                </c:pt>
                <c:pt idx="246">
                  <c:v>1.5656565656565657</c:v>
                </c:pt>
                <c:pt idx="247">
                  <c:v>1.5617128463476071</c:v>
                </c:pt>
                <c:pt idx="248">
                  <c:v>1.5577889447236182</c:v>
                </c:pt>
                <c:pt idx="249">
                  <c:v>1.5538847117794485</c:v>
                </c:pt>
                <c:pt idx="250">
                  <c:v>1.55</c:v>
                </c:pt>
                <c:pt idx="251">
                  <c:v>1.546134663341646</c:v>
                </c:pt>
                <c:pt idx="252">
                  <c:v>1.5422885572139304</c:v>
                </c:pt>
                <c:pt idx="253">
                  <c:v>1.5384615384615385</c:v>
                </c:pt>
                <c:pt idx="254">
                  <c:v>1.5346534653465347</c:v>
                </c:pt>
                <c:pt idx="255">
                  <c:v>1.5308641975308641</c:v>
                </c:pt>
                <c:pt idx="256">
                  <c:v>1.5270935960591132</c:v>
                </c:pt>
                <c:pt idx="257">
                  <c:v>1.5233415233415233</c:v>
                </c:pt>
                <c:pt idx="258">
                  <c:v>1.5196078431372548</c:v>
                </c:pt>
                <c:pt idx="259">
                  <c:v>1.5158924205378974</c:v>
                </c:pt>
                <c:pt idx="260">
                  <c:v>1.5121951219512195</c:v>
                </c:pt>
                <c:pt idx="261">
                  <c:v>1.5085158150851581</c:v>
                </c:pt>
                <c:pt idx="262">
                  <c:v>1.5048543689320388</c:v>
                </c:pt>
                <c:pt idx="263">
                  <c:v>1.5012106537530265</c:v>
                </c:pt>
                <c:pt idx="264">
                  <c:v>1.4975845410628019</c:v>
                </c:pt>
                <c:pt idx="265">
                  <c:v>1.4939759036144578</c:v>
                </c:pt>
                <c:pt idx="266">
                  <c:v>1.4903846153846154</c:v>
                </c:pt>
                <c:pt idx="267">
                  <c:v>1.4868105515587531</c:v>
                </c:pt>
                <c:pt idx="268">
                  <c:v>1.4832535885167464</c:v>
                </c:pt>
                <c:pt idx="269">
                  <c:v>1.4797136038186158</c:v>
                </c:pt>
                <c:pt idx="270">
                  <c:v>1.4761904761904763</c:v>
                </c:pt>
                <c:pt idx="271">
                  <c:v>1.4726840855106889</c:v>
                </c:pt>
                <c:pt idx="272">
                  <c:v>1.4691943127962086</c:v>
                </c:pt>
                <c:pt idx="273">
                  <c:v>1.4657210401891252</c:v>
                </c:pt>
                <c:pt idx="274">
                  <c:v>1.4622641509433962</c:v>
                </c:pt>
                <c:pt idx="275">
                  <c:v>1.4588235294117646</c:v>
                </c:pt>
                <c:pt idx="276">
                  <c:v>1.4553990610328638</c:v>
                </c:pt>
                <c:pt idx="277">
                  <c:v>1.4519906323185012</c:v>
                </c:pt>
                <c:pt idx="278">
                  <c:v>1.4485981308411215</c:v>
                </c:pt>
                <c:pt idx="279">
                  <c:v>1.4452214452214451</c:v>
                </c:pt>
                <c:pt idx="280">
                  <c:v>1.441860465116279</c:v>
                </c:pt>
                <c:pt idx="281">
                  <c:v>1.4385150812064966</c:v>
                </c:pt>
                <c:pt idx="282">
                  <c:v>1.4351851851851851</c:v>
                </c:pt>
                <c:pt idx="283">
                  <c:v>1.4318706697459584</c:v>
                </c:pt>
                <c:pt idx="284">
                  <c:v>1.4285714285714286</c:v>
                </c:pt>
                <c:pt idx="285">
                  <c:v>1.4252873563218391</c:v>
                </c:pt>
                <c:pt idx="286">
                  <c:v>1.4220183486238531</c:v>
                </c:pt>
                <c:pt idx="287">
                  <c:v>1.4187643020594967</c:v>
                </c:pt>
                <c:pt idx="288">
                  <c:v>1.4155251141552512</c:v>
                </c:pt>
                <c:pt idx="289">
                  <c:v>1.4123006833712983</c:v>
                </c:pt>
                <c:pt idx="290">
                  <c:v>1.4090909090909092</c:v>
                </c:pt>
                <c:pt idx="291">
                  <c:v>1.4058956916099774</c:v>
                </c:pt>
                <c:pt idx="292">
                  <c:v>1.4027149321266967</c:v>
                </c:pt>
                <c:pt idx="293">
                  <c:v>1.399548532731377</c:v>
                </c:pt>
                <c:pt idx="294">
                  <c:v>1.3963963963963963</c:v>
                </c:pt>
                <c:pt idx="295">
                  <c:v>1.3932584269662922</c:v>
                </c:pt>
                <c:pt idx="296">
                  <c:v>1.3901345291479821</c:v>
                </c:pt>
                <c:pt idx="297">
                  <c:v>1.3870246085011186</c:v>
                </c:pt>
                <c:pt idx="298">
                  <c:v>1.3839285714285714</c:v>
                </c:pt>
                <c:pt idx="299">
                  <c:v>1.3808463251670378</c:v>
                </c:pt>
                <c:pt idx="300">
                  <c:v>1.3777777777777778</c:v>
                </c:pt>
                <c:pt idx="301">
                  <c:v>1.3747228381374723</c:v>
                </c:pt>
                <c:pt idx="302">
                  <c:v>1.3716814159292035</c:v>
                </c:pt>
                <c:pt idx="303">
                  <c:v>1.3686534216335542</c:v>
                </c:pt>
                <c:pt idx="304">
                  <c:v>1.3656387665198237</c:v>
                </c:pt>
                <c:pt idx="305">
                  <c:v>1.3626373626373627</c:v>
                </c:pt>
                <c:pt idx="306">
                  <c:v>1.3596491228070176</c:v>
                </c:pt>
                <c:pt idx="307">
                  <c:v>1.3566739606126914</c:v>
                </c:pt>
                <c:pt idx="308">
                  <c:v>1.3537117903930131</c:v>
                </c:pt>
                <c:pt idx="309">
                  <c:v>1.3507625272331154</c:v>
                </c:pt>
                <c:pt idx="310">
                  <c:v>1.3478260869565217</c:v>
                </c:pt>
                <c:pt idx="311">
                  <c:v>1.3449023861171367</c:v>
                </c:pt>
                <c:pt idx="312">
                  <c:v>1.3419913419913421</c:v>
                </c:pt>
                <c:pt idx="313">
                  <c:v>1.3390928725701945</c:v>
                </c:pt>
                <c:pt idx="314">
                  <c:v>1.3362068965517242</c:v>
                </c:pt>
                <c:pt idx="315">
                  <c:v>1.3333333333333333</c:v>
                </c:pt>
                <c:pt idx="316">
                  <c:v>1.3304721030042919</c:v>
                </c:pt>
                <c:pt idx="317">
                  <c:v>1.3276231263383298</c:v>
                </c:pt>
                <c:pt idx="318">
                  <c:v>1.3247863247863247</c:v>
                </c:pt>
                <c:pt idx="319">
                  <c:v>1.3219616204690832</c:v>
                </c:pt>
                <c:pt idx="320">
                  <c:v>1.3191489361702127</c:v>
                </c:pt>
                <c:pt idx="321">
                  <c:v>1.316348195329087</c:v>
                </c:pt>
                <c:pt idx="322">
                  <c:v>1.3135593220338984</c:v>
                </c:pt>
                <c:pt idx="323">
                  <c:v>1.3107822410147991</c:v>
                </c:pt>
                <c:pt idx="324">
                  <c:v>1.3080168776371308</c:v>
                </c:pt>
                <c:pt idx="325">
                  <c:v>1.3052631578947369</c:v>
                </c:pt>
                <c:pt idx="326">
                  <c:v>1.3025210084033614</c:v>
                </c:pt>
                <c:pt idx="327">
                  <c:v>1.29979035639413</c:v>
                </c:pt>
                <c:pt idx="328">
                  <c:v>1.2970711297071129</c:v>
                </c:pt>
                <c:pt idx="329">
                  <c:v>1.2943632567849688</c:v>
                </c:pt>
                <c:pt idx="330">
                  <c:v>1.2916666666666667</c:v>
                </c:pt>
                <c:pt idx="331">
                  <c:v>1.2889812889812891</c:v>
                </c:pt>
                <c:pt idx="332">
                  <c:v>1.2863070539419088</c:v>
                </c:pt>
                <c:pt idx="333">
                  <c:v>1.2836438923395446</c:v>
                </c:pt>
                <c:pt idx="334">
                  <c:v>1.28099173553719</c:v>
                </c:pt>
                <c:pt idx="335">
                  <c:v>1.2783505154639174</c:v>
                </c:pt>
                <c:pt idx="336">
                  <c:v>1.2757201646090535</c:v>
                </c:pt>
                <c:pt idx="337">
                  <c:v>1.2731006160164271</c:v>
                </c:pt>
                <c:pt idx="338">
                  <c:v>1.2704918032786885</c:v>
                </c:pt>
                <c:pt idx="339">
                  <c:v>1.2678936605316973</c:v>
                </c:pt>
                <c:pt idx="340">
                  <c:v>1.2653061224489797</c:v>
                </c:pt>
                <c:pt idx="341">
                  <c:v>1.2627291242362526</c:v>
                </c:pt>
                <c:pt idx="342">
                  <c:v>1.2601626016260163</c:v>
                </c:pt>
                <c:pt idx="343">
                  <c:v>1.2576064908722109</c:v>
                </c:pt>
                <c:pt idx="344">
                  <c:v>1.2550607287449393</c:v>
                </c:pt>
                <c:pt idx="345">
                  <c:v>1.2525252525252526</c:v>
                </c:pt>
                <c:pt idx="346">
                  <c:v>1.25</c:v>
                </c:pt>
                <c:pt idx="347">
                  <c:v>1.2474849094567404</c:v>
                </c:pt>
                <c:pt idx="348">
                  <c:v>1.2449799196787148</c:v>
                </c:pt>
                <c:pt idx="349">
                  <c:v>1.2424849699398797</c:v>
                </c:pt>
                <c:pt idx="350">
                  <c:v>1.24</c:v>
                </c:pt>
                <c:pt idx="351">
                  <c:v>1.2375249500998005</c:v>
                </c:pt>
                <c:pt idx="352">
                  <c:v>1.2350597609561753</c:v>
                </c:pt>
                <c:pt idx="353">
                  <c:v>1.2326043737574552</c:v>
                </c:pt>
                <c:pt idx="354">
                  <c:v>1.2301587301587302</c:v>
                </c:pt>
                <c:pt idx="355">
                  <c:v>1.2277227722772277</c:v>
                </c:pt>
                <c:pt idx="356">
                  <c:v>1.2252964426877471</c:v>
                </c:pt>
                <c:pt idx="357">
                  <c:v>1.222879684418146</c:v>
                </c:pt>
                <c:pt idx="358">
                  <c:v>1.2204724409448819</c:v>
                </c:pt>
                <c:pt idx="359">
                  <c:v>1.2180746561886051</c:v>
                </c:pt>
                <c:pt idx="360">
                  <c:v>1.2156862745098038</c:v>
                </c:pt>
                <c:pt idx="361">
                  <c:v>1.2133072407045009</c:v>
                </c:pt>
                <c:pt idx="362">
                  <c:v>1.2109375</c:v>
                </c:pt>
                <c:pt idx="363">
                  <c:v>1.2085769980506822</c:v>
                </c:pt>
                <c:pt idx="364">
                  <c:v>1.2062256809338521</c:v>
                </c:pt>
                <c:pt idx="365">
                  <c:v>1.203883495145631</c:v>
                </c:pt>
                <c:pt idx="366">
                  <c:v>1.2015503875968991</c:v>
                </c:pt>
                <c:pt idx="367">
                  <c:v>1.1992263056092842</c:v>
                </c:pt>
                <c:pt idx="368">
                  <c:v>1.196911196911197</c:v>
                </c:pt>
                <c:pt idx="369">
                  <c:v>1.1946050096339114</c:v>
                </c:pt>
                <c:pt idx="370">
                  <c:v>1.1923076923076923</c:v>
                </c:pt>
                <c:pt idx="371">
                  <c:v>1.1900191938579654</c:v>
                </c:pt>
                <c:pt idx="372">
                  <c:v>1.1877394636015326</c:v>
                </c:pt>
                <c:pt idx="373">
                  <c:v>1.1854684512428297</c:v>
                </c:pt>
                <c:pt idx="374">
                  <c:v>1.1832061068702291</c:v>
                </c:pt>
                <c:pt idx="375">
                  <c:v>1.180952380952381</c:v>
                </c:pt>
                <c:pt idx="376">
                  <c:v>1.1787072243346008</c:v>
                </c:pt>
                <c:pt idx="377">
                  <c:v>1.1764705882352942</c:v>
                </c:pt>
                <c:pt idx="378">
                  <c:v>1.1742424242424243</c:v>
                </c:pt>
                <c:pt idx="379">
                  <c:v>1.172022684310019</c:v>
                </c:pt>
                <c:pt idx="380">
                  <c:v>1.1698113207547169</c:v>
                </c:pt>
                <c:pt idx="381">
                  <c:v>1.167608286252354</c:v>
                </c:pt>
                <c:pt idx="382">
                  <c:v>1.1654135338345866</c:v>
                </c:pt>
                <c:pt idx="383">
                  <c:v>1.1632270168855534</c:v>
                </c:pt>
                <c:pt idx="384">
                  <c:v>1.1610486891385767</c:v>
                </c:pt>
                <c:pt idx="385">
                  <c:v>1.1588785046728971</c:v>
                </c:pt>
                <c:pt idx="386">
                  <c:v>1.1567164179104477</c:v>
                </c:pt>
                <c:pt idx="387">
                  <c:v>1.1545623836126628</c:v>
                </c:pt>
                <c:pt idx="388">
                  <c:v>1.1524163568773234</c:v>
                </c:pt>
                <c:pt idx="389">
                  <c:v>1.1502782931354361</c:v>
                </c:pt>
                <c:pt idx="390">
                  <c:v>1.1481481481481481</c:v>
                </c:pt>
                <c:pt idx="391">
                  <c:v>1.1460258780036969</c:v>
                </c:pt>
                <c:pt idx="392">
                  <c:v>1.1439114391143912</c:v>
                </c:pt>
                <c:pt idx="393">
                  <c:v>1.141804788213628</c:v>
                </c:pt>
                <c:pt idx="394">
                  <c:v>1.1397058823529411</c:v>
                </c:pt>
                <c:pt idx="395">
                  <c:v>1.1376146788990826</c:v>
                </c:pt>
                <c:pt idx="396">
                  <c:v>1.1355311355311355</c:v>
                </c:pt>
                <c:pt idx="397">
                  <c:v>1.13345521023766</c:v>
                </c:pt>
                <c:pt idx="398">
                  <c:v>1.1313868613138687</c:v>
                </c:pt>
                <c:pt idx="399">
                  <c:v>1.1293260473588342</c:v>
                </c:pt>
                <c:pt idx="400">
                  <c:v>1.1272727272727272</c:v>
                </c:pt>
              </c:numCache>
            </c:numRef>
          </c:xVal>
          <c:yVal>
            <c:numRef>
              <c:f>'S400'!$K$2:$K$1272</c:f>
              <c:numCache>
                <c:formatCode>General</c:formatCode>
                <c:ptCount val="1271"/>
                <c:pt idx="0">
                  <c:v>4.0778106721395586</c:v>
                </c:pt>
                <c:pt idx="1">
                  <c:v>3.2790277065161626</c:v>
                </c:pt>
                <c:pt idx="2">
                  <c:v>3.6985069266290407</c:v>
                </c:pt>
                <c:pt idx="3">
                  <c:v>4.4003961005643921</c:v>
                </c:pt>
                <c:pt idx="4">
                  <c:v>4.1841575166752181</c:v>
                </c:pt>
                <c:pt idx="5">
                  <c:v>4.4689307337095947</c:v>
                </c:pt>
                <c:pt idx="6">
                  <c:v>3.8556639302206257</c:v>
                </c:pt>
                <c:pt idx="7">
                  <c:v>4.5634612621857364</c:v>
                </c:pt>
                <c:pt idx="8">
                  <c:v>4.0293637762955363</c:v>
                </c:pt>
                <c:pt idx="9">
                  <c:v>4.3448594150846587</c:v>
                </c:pt>
                <c:pt idx="10">
                  <c:v>4.0589045664443306</c:v>
                </c:pt>
                <c:pt idx="11">
                  <c:v>3.9383781426372497</c:v>
                </c:pt>
                <c:pt idx="12">
                  <c:v>4.2196064648537712</c:v>
                </c:pt>
                <c:pt idx="13">
                  <c:v>3.834394561313494</c:v>
                </c:pt>
                <c:pt idx="14">
                  <c:v>4.3519492047203689</c:v>
                </c:pt>
                <c:pt idx="15">
                  <c:v>4.4961082606464853</c:v>
                </c:pt>
                <c:pt idx="16">
                  <c:v>4.4937449974345816</c:v>
                </c:pt>
                <c:pt idx="17">
                  <c:v>4.2845962031811178</c:v>
                </c:pt>
                <c:pt idx="18">
                  <c:v>4.4015777321703435</c:v>
                </c:pt>
                <c:pt idx="19">
                  <c:v>4.3885797845048744</c:v>
                </c:pt>
                <c:pt idx="20">
                  <c:v>4.6059999999999999</c:v>
                </c:pt>
                <c:pt idx="21">
                  <c:v>4.4193022062596201</c:v>
                </c:pt>
                <c:pt idx="22">
                  <c:v>4.4181205746536678</c:v>
                </c:pt>
                <c:pt idx="23">
                  <c:v>4.5705510518214467</c:v>
                </c:pt>
                <c:pt idx="24">
                  <c:v>4.4299368907131864</c:v>
                </c:pt>
                <c:pt idx="25">
                  <c:v>4.4074858902001024</c:v>
                </c:pt>
                <c:pt idx="26">
                  <c:v>4.3212267829656232</c:v>
                </c:pt>
                <c:pt idx="27">
                  <c:v>4.364947152385839</c:v>
                </c:pt>
                <c:pt idx="28">
                  <c:v>4.3354063622370447</c:v>
                </c:pt>
                <c:pt idx="29">
                  <c:v>4.3141369933299121</c:v>
                </c:pt>
                <c:pt idx="30">
                  <c:v>4.3436777834787073</c:v>
                </c:pt>
                <c:pt idx="31">
                  <c:v>4.3614022575679829</c:v>
                </c:pt>
                <c:pt idx="32">
                  <c:v>4.5197408927655207</c:v>
                </c:pt>
                <c:pt idx="33">
                  <c:v>4.530375577219087</c:v>
                </c:pt>
                <c:pt idx="34">
                  <c:v>4.2361493073370955</c:v>
                </c:pt>
                <c:pt idx="35">
                  <c:v>4.2905043612108766</c:v>
                </c:pt>
                <c:pt idx="36">
                  <c:v>4.3791267316572604</c:v>
                </c:pt>
                <c:pt idx="37">
                  <c:v>4.2385125705489992</c:v>
                </c:pt>
                <c:pt idx="38">
                  <c:v>4.1735228322216518</c:v>
                </c:pt>
                <c:pt idx="39">
                  <c:v>4.0872637249871726</c:v>
                </c:pt>
                <c:pt idx="40">
                  <c:v>4.3365879938429961</c:v>
                </c:pt>
                <c:pt idx="41">
                  <c:v>4.056541303232426</c:v>
                </c:pt>
                <c:pt idx="42">
                  <c:v>3.9336516162134427</c:v>
                </c:pt>
                <c:pt idx="43">
                  <c:v>3.8249415084658795</c:v>
                </c:pt>
                <c:pt idx="44">
                  <c:v>3.8308496664956388</c:v>
                </c:pt>
                <c:pt idx="45">
                  <c:v>3.8485741405849159</c:v>
                </c:pt>
                <c:pt idx="46">
                  <c:v>3.7646782965623391</c:v>
                </c:pt>
                <c:pt idx="47">
                  <c:v>3.8190333504361211</c:v>
                </c:pt>
                <c:pt idx="48">
                  <c:v>3.7930374551051815</c:v>
                </c:pt>
                <c:pt idx="49">
                  <c:v>3.7989456131349408</c:v>
                </c:pt>
                <c:pt idx="50">
                  <c:v>3.756406875320677</c:v>
                </c:pt>
                <c:pt idx="51">
                  <c:v>3.6949620318111851</c:v>
                </c:pt>
                <c:pt idx="52">
                  <c:v>3.7197762955361724</c:v>
                </c:pt>
                <c:pt idx="53">
                  <c:v>3.7115048742945098</c:v>
                </c:pt>
                <c:pt idx="54">
                  <c:v>3.6595130836326319</c:v>
                </c:pt>
                <c:pt idx="55">
                  <c:v>3.6276090302719335</c:v>
                </c:pt>
                <c:pt idx="56">
                  <c:v>3.6240641354540788</c:v>
                </c:pt>
                <c:pt idx="57">
                  <c:v>3.5685274499743449</c:v>
                </c:pt>
                <c:pt idx="58">
                  <c:v>3.5271703437660333</c:v>
                </c:pt>
                <c:pt idx="59">
                  <c:v>3.4598173422267831</c:v>
                </c:pt>
                <c:pt idx="60">
                  <c:v>3.4172786044125183</c:v>
                </c:pt>
                <c:pt idx="61">
                  <c:v>3.3487439712673166</c:v>
                </c:pt>
                <c:pt idx="62">
                  <c:v>3.2955705489994873</c:v>
                </c:pt>
                <c:pt idx="63">
                  <c:v>3.253031811185223</c:v>
                </c:pt>
                <c:pt idx="64">
                  <c:v>3.1833155464340686</c:v>
                </c:pt>
                <c:pt idx="65">
                  <c:v>3.119507439712673</c:v>
                </c:pt>
                <c:pt idx="66">
                  <c:v>3.068697280656747</c:v>
                </c:pt>
                <c:pt idx="67">
                  <c:v>3.0107973319651102</c:v>
                </c:pt>
                <c:pt idx="68">
                  <c:v>2.9588055413032324</c:v>
                </c:pt>
                <c:pt idx="69">
                  <c:v>2.9044504874294508</c:v>
                </c:pt>
                <c:pt idx="70">
                  <c:v>2.8512770651616206</c:v>
                </c:pt>
                <c:pt idx="71">
                  <c:v>2.8111015905592609</c:v>
                </c:pt>
                <c:pt idx="72">
                  <c:v>2.7602914315033344</c:v>
                </c:pt>
                <c:pt idx="73">
                  <c:v>2.7177526936890706</c:v>
                </c:pt>
                <c:pt idx="74">
                  <c:v>2.6716690610569525</c:v>
                </c:pt>
                <c:pt idx="75">
                  <c:v>2.6326752180605442</c:v>
                </c:pt>
                <c:pt idx="76">
                  <c:v>2.588954848640328</c:v>
                </c:pt>
                <c:pt idx="77">
                  <c:v>2.5511426372498716</c:v>
                </c:pt>
                <c:pt idx="78">
                  <c:v>2.5145120574653665</c:v>
                </c:pt>
                <c:pt idx="79">
                  <c:v>2.4790631092868134</c:v>
                </c:pt>
                <c:pt idx="80">
                  <c:v>2.4436141611082602</c:v>
                </c:pt>
                <c:pt idx="81">
                  <c:v>2.4117101077475627</c:v>
                </c:pt>
                <c:pt idx="82">
                  <c:v>2.3833509492047202</c:v>
                </c:pt>
                <c:pt idx="83">
                  <c:v>2.3490836326321185</c:v>
                </c:pt>
                <c:pt idx="84">
                  <c:v>2.3195428424833247</c:v>
                </c:pt>
                <c:pt idx="85">
                  <c:v>2.2900020523345304</c:v>
                </c:pt>
                <c:pt idx="86">
                  <c:v>2.2628245253976398</c:v>
                </c:pt>
                <c:pt idx="87">
                  <c:v>2.2380102616726525</c:v>
                </c:pt>
                <c:pt idx="88">
                  <c:v>2.2131959979476652</c:v>
                </c:pt>
                <c:pt idx="89">
                  <c:v>2.1872001026167265</c:v>
                </c:pt>
                <c:pt idx="90">
                  <c:v>2.1623858388917392</c:v>
                </c:pt>
                <c:pt idx="91">
                  <c:v>2.1387532067727038</c:v>
                </c:pt>
                <c:pt idx="92">
                  <c:v>2.1163022062596202</c:v>
                </c:pt>
                <c:pt idx="93">
                  <c:v>2.0938512057465366</c:v>
                </c:pt>
                <c:pt idx="94">
                  <c:v>2.0725818368394044</c:v>
                </c:pt>
                <c:pt idx="95">
                  <c:v>2.052494099538225</c:v>
                </c:pt>
                <c:pt idx="96">
                  <c:v>2.0324063622370443</c:v>
                </c:pt>
                <c:pt idx="97">
                  <c:v>2.0135002565418163</c:v>
                </c:pt>
                <c:pt idx="98">
                  <c:v>1.9945941508465881</c:v>
                </c:pt>
                <c:pt idx="99">
                  <c:v>1.9768696767573115</c:v>
                </c:pt>
                <c:pt idx="100">
                  <c:v>1.9591452026680345</c:v>
                </c:pt>
                <c:pt idx="101">
                  <c:v>1.9414207285787584</c:v>
                </c:pt>
                <c:pt idx="102">
                  <c:v>1.9236962544894816</c:v>
                </c:pt>
                <c:pt idx="103">
                  <c:v>1.9083350436121087</c:v>
                </c:pt>
                <c:pt idx="104">
                  <c:v>1.8917922011287835</c:v>
                </c:pt>
                <c:pt idx="105">
                  <c:v>1.8764309902514109</c:v>
                </c:pt>
                <c:pt idx="106">
                  <c:v>1.8610697793740381</c:v>
                </c:pt>
                <c:pt idx="107">
                  <c:v>1.8457085684966645</c:v>
                </c:pt>
                <c:pt idx="108">
                  <c:v>1.8315289892252433</c:v>
                </c:pt>
                <c:pt idx="109">
                  <c:v>1.8173494099538225</c:v>
                </c:pt>
                <c:pt idx="110">
                  <c:v>1.8031698306824013</c:v>
                </c:pt>
                <c:pt idx="111">
                  <c:v>1.7901718830169313</c:v>
                </c:pt>
                <c:pt idx="112">
                  <c:v>1.7759923037455101</c:v>
                </c:pt>
                <c:pt idx="113">
                  <c:v>1.7641759876859928</c:v>
                </c:pt>
                <c:pt idx="114">
                  <c:v>1.7511780400205232</c:v>
                </c:pt>
                <c:pt idx="115">
                  <c:v>1.7393617239610057</c:v>
                </c:pt>
                <c:pt idx="116">
                  <c:v>1.7263637762955362</c:v>
                </c:pt>
                <c:pt idx="117">
                  <c:v>1.7157290918419703</c:v>
                </c:pt>
                <c:pt idx="118">
                  <c:v>1.7039127757824526</c:v>
                </c:pt>
                <c:pt idx="119">
                  <c:v>1.6920964597229349</c:v>
                </c:pt>
                <c:pt idx="120">
                  <c:v>1.6802801436634167</c:v>
                </c:pt>
                <c:pt idx="121">
                  <c:v>1.6696454592098511</c:v>
                </c:pt>
                <c:pt idx="122">
                  <c:v>1.6590107747562852</c:v>
                </c:pt>
                <c:pt idx="123">
                  <c:v>1.649557721908671</c:v>
                </c:pt>
                <c:pt idx="124">
                  <c:v>1.6389230374551051</c:v>
                </c:pt>
                <c:pt idx="125">
                  <c:v>1.6282883530015391</c:v>
                </c:pt>
                <c:pt idx="126">
                  <c:v>1.6188353001539251</c:v>
                </c:pt>
                <c:pt idx="127">
                  <c:v>1.6093822473063111</c:v>
                </c:pt>
                <c:pt idx="128">
                  <c:v>1.5999291944586966</c:v>
                </c:pt>
                <c:pt idx="129">
                  <c:v>1.5904761416110826</c:v>
                </c:pt>
                <c:pt idx="130">
                  <c:v>1.5810230887634684</c:v>
                </c:pt>
                <c:pt idx="131">
                  <c:v>1.5727516675218061</c:v>
                </c:pt>
                <c:pt idx="132">
                  <c:v>1.5632986146741916</c:v>
                </c:pt>
                <c:pt idx="133">
                  <c:v>1.5550271934325295</c:v>
                </c:pt>
                <c:pt idx="134">
                  <c:v>1.5467557721908669</c:v>
                </c:pt>
                <c:pt idx="135">
                  <c:v>1.5384843509492045</c:v>
                </c:pt>
                <c:pt idx="136">
                  <c:v>1.5302129297075422</c:v>
                </c:pt>
                <c:pt idx="137">
                  <c:v>1.5219415084658801</c:v>
                </c:pt>
                <c:pt idx="138">
                  <c:v>1.5136700872242173</c:v>
                </c:pt>
                <c:pt idx="139">
                  <c:v>1.5053986659825551</c:v>
                </c:pt>
                <c:pt idx="140">
                  <c:v>1.4983088763468444</c:v>
                </c:pt>
                <c:pt idx="141">
                  <c:v>1.4912190867111339</c:v>
                </c:pt>
                <c:pt idx="142">
                  <c:v>1.4829476654694713</c:v>
                </c:pt>
                <c:pt idx="143">
                  <c:v>1.475857875833761</c:v>
                </c:pt>
                <c:pt idx="144">
                  <c:v>1.4687680861980503</c:v>
                </c:pt>
                <c:pt idx="145">
                  <c:v>1.4616782965623396</c:v>
                </c:pt>
                <c:pt idx="146">
                  <c:v>1.4545885069266291</c:v>
                </c:pt>
                <c:pt idx="147">
                  <c:v>1.4474987172909184</c:v>
                </c:pt>
                <c:pt idx="148">
                  <c:v>1.4404089276552079</c:v>
                </c:pt>
                <c:pt idx="149">
                  <c:v>1.4345007696254488</c:v>
                </c:pt>
                <c:pt idx="150">
                  <c:v>1.4274109799897381</c:v>
                </c:pt>
                <c:pt idx="151">
                  <c:v>1.4203211903540274</c:v>
                </c:pt>
                <c:pt idx="152">
                  <c:v>1.414413032324269</c:v>
                </c:pt>
                <c:pt idx="153">
                  <c:v>1.4085048742945099</c:v>
                </c:pt>
                <c:pt idx="154">
                  <c:v>1.4014150846587992</c:v>
                </c:pt>
                <c:pt idx="155">
                  <c:v>1.3955069266290405</c:v>
                </c:pt>
                <c:pt idx="156">
                  <c:v>1.3895987685992814</c:v>
                </c:pt>
                <c:pt idx="157">
                  <c:v>1.3836906105695228</c:v>
                </c:pt>
                <c:pt idx="158">
                  <c:v>1.3777824525397639</c:v>
                </c:pt>
                <c:pt idx="159">
                  <c:v>1.3718742945100051</c:v>
                </c:pt>
                <c:pt idx="160">
                  <c:v>1.365966136480246</c:v>
                </c:pt>
                <c:pt idx="161">
                  <c:v>1.3600579784504874</c:v>
                </c:pt>
                <c:pt idx="162">
                  <c:v>1.3541498204207283</c:v>
                </c:pt>
                <c:pt idx="163">
                  <c:v>1.3494232939969213</c:v>
                </c:pt>
                <c:pt idx="164">
                  <c:v>1.3435151359671624</c:v>
                </c:pt>
                <c:pt idx="165">
                  <c:v>1.3376069779374038</c:v>
                </c:pt>
                <c:pt idx="166">
                  <c:v>1.3328804515135964</c:v>
                </c:pt>
                <c:pt idx="167">
                  <c:v>1.3269722934838379</c:v>
                </c:pt>
                <c:pt idx="168">
                  <c:v>1.3222457670600307</c:v>
                </c:pt>
                <c:pt idx="169">
                  <c:v>1.3163376090302721</c:v>
                </c:pt>
                <c:pt idx="170">
                  <c:v>1.3116110826064649</c:v>
                </c:pt>
                <c:pt idx="171">
                  <c:v>1.3068845561826579</c:v>
                </c:pt>
                <c:pt idx="172">
                  <c:v>1.3021580297588509</c:v>
                </c:pt>
                <c:pt idx="173">
                  <c:v>1.2974315033350434</c:v>
                </c:pt>
                <c:pt idx="174">
                  <c:v>1.2915233453052848</c:v>
                </c:pt>
                <c:pt idx="175">
                  <c:v>1.2867968188814773</c:v>
                </c:pt>
                <c:pt idx="176">
                  <c:v>1.2820702924576703</c:v>
                </c:pt>
                <c:pt idx="177">
                  <c:v>1.2773437660338633</c:v>
                </c:pt>
                <c:pt idx="178">
                  <c:v>1.2726172396100563</c:v>
                </c:pt>
                <c:pt idx="179">
                  <c:v>1.2690723447922012</c:v>
                </c:pt>
                <c:pt idx="180">
                  <c:v>1.264345818368394</c:v>
                </c:pt>
                <c:pt idx="181">
                  <c:v>1.259619291944587</c:v>
                </c:pt>
                <c:pt idx="182">
                  <c:v>1.25489276552078</c:v>
                </c:pt>
                <c:pt idx="183">
                  <c:v>1.2501662390969728</c:v>
                </c:pt>
                <c:pt idx="184">
                  <c:v>1.2466213442791172</c:v>
                </c:pt>
                <c:pt idx="185">
                  <c:v>1.2418948178553102</c:v>
                </c:pt>
                <c:pt idx="186">
                  <c:v>1.2383499230374551</c:v>
                </c:pt>
                <c:pt idx="187">
                  <c:v>1.2336233966136481</c:v>
                </c:pt>
                <c:pt idx="188">
                  <c:v>1.2288968701898408</c:v>
                </c:pt>
                <c:pt idx="189">
                  <c:v>1.2253519753719853</c:v>
                </c:pt>
                <c:pt idx="190">
                  <c:v>1.2206254489481783</c:v>
                </c:pt>
                <c:pt idx="191">
                  <c:v>1.2170805541303231</c:v>
                </c:pt>
                <c:pt idx="192">
                  <c:v>1.2135356593124678</c:v>
                </c:pt>
                <c:pt idx="193">
                  <c:v>1.2088091328886608</c:v>
                </c:pt>
                <c:pt idx="194">
                  <c:v>1.2052642380708054</c:v>
                </c:pt>
                <c:pt idx="195">
                  <c:v>1.20171934325295</c:v>
                </c:pt>
                <c:pt idx="196">
                  <c:v>1.1981744484350949</c:v>
                </c:pt>
                <c:pt idx="197">
                  <c:v>1.1934479220112879</c:v>
                </c:pt>
                <c:pt idx="198">
                  <c:v>1.1899030271934323</c:v>
                </c:pt>
                <c:pt idx="199">
                  <c:v>1.1863581323755772</c:v>
                </c:pt>
                <c:pt idx="200">
                  <c:v>1.1828132375577218</c:v>
                </c:pt>
                <c:pt idx="201">
                  <c:v>1.1792683427398667</c:v>
                </c:pt>
                <c:pt idx="202">
                  <c:v>1.1757234479220111</c:v>
                </c:pt>
                <c:pt idx="203">
                  <c:v>1.172178553104156</c:v>
                </c:pt>
                <c:pt idx="204">
                  <c:v>1.1686336582863006</c:v>
                </c:pt>
                <c:pt idx="205">
                  <c:v>1.1650887634684453</c:v>
                </c:pt>
                <c:pt idx="206">
                  <c:v>1.1615438686505899</c:v>
                </c:pt>
                <c:pt idx="207">
                  <c:v>1.1579989738327348</c:v>
                </c:pt>
                <c:pt idx="208">
                  <c:v>1.1544540790148792</c:v>
                </c:pt>
                <c:pt idx="209">
                  <c:v>1.150909184197024</c:v>
                </c:pt>
                <c:pt idx="210">
                  <c:v>1.1473642893791687</c:v>
                </c:pt>
                <c:pt idx="211">
                  <c:v>1.1438193945613133</c:v>
                </c:pt>
                <c:pt idx="212">
                  <c:v>1.1414561313494098</c:v>
                </c:pt>
                <c:pt idx="213">
                  <c:v>1.1379112365315545</c:v>
                </c:pt>
                <c:pt idx="214">
                  <c:v>1.1343663417136991</c:v>
                </c:pt>
                <c:pt idx="215">
                  <c:v>1.130821446895844</c:v>
                </c:pt>
                <c:pt idx="216">
                  <c:v>1.1284581836839402</c:v>
                </c:pt>
                <c:pt idx="217">
                  <c:v>1.1249132888660851</c:v>
                </c:pt>
                <c:pt idx="218">
                  <c:v>1.1213683940482297</c:v>
                </c:pt>
                <c:pt idx="219">
                  <c:v>1.1190051308363262</c:v>
                </c:pt>
                <c:pt idx="220">
                  <c:v>1.1154602360184709</c:v>
                </c:pt>
                <c:pt idx="221">
                  <c:v>1.1130969728065674</c:v>
                </c:pt>
                <c:pt idx="222">
                  <c:v>1.109552077988712</c:v>
                </c:pt>
                <c:pt idx="223">
                  <c:v>1.1060071831708569</c:v>
                </c:pt>
                <c:pt idx="224">
                  <c:v>1.1036439199589532</c:v>
                </c:pt>
                <c:pt idx="225">
                  <c:v>1.100099025141098</c:v>
                </c:pt>
                <c:pt idx="226">
                  <c:v>1.0977357619291945</c:v>
                </c:pt>
                <c:pt idx="227">
                  <c:v>1.0941908671113392</c:v>
                </c:pt>
                <c:pt idx="228">
                  <c:v>1.0918276038994357</c:v>
                </c:pt>
                <c:pt idx="229">
                  <c:v>1.0894643406875322</c:v>
                </c:pt>
                <c:pt idx="230">
                  <c:v>1.0859194458696768</c:v>
                </c:pt>
                <c:pt idx="231">
                  <c:v>1.0835561826577731</c:v>
                </c:pt>
                <c:pt idx="232">
                  <c:v>1.0800112878399177</c:v>
                </c:pt>
                <c:pt idx="233">
                  <c:v>1.0776480246280142</c:v>
                </c:pt>
                <c:pt idx="234">
                  <c:v>1.0752847614161107</c:v>
                </c:pt>
                <c:pt idx="235">
                  <c:v>1.0717398665982556</c:v>
                </c:pt>
                <c:pt idx="236">
                  <c:v>1.0693766033863519</c:v>
                </c:pt>
                <c:pt idx="237">
                  <c:v>1.0670133401744484</c:v>
                </c:pt>
                <c:pt idx="238">
                  <c:v>1.063468445356593</c:v>
                </c:pt>
                <c:pt idx="239">
                  <c:v>1.0611051821446895</c:v>
                </c:pt>
                <c:pt idx="240">
                  <c:v>1.058741918932786</c:v>
                </c:pt>
                <c:pt idx="241">
                  <c:v>1.0563786557208825</c:v>
                </c:pt>
                <c:pt idx="242">
                  <c:v>1.0528337609030272</c:v>
                </c:pt>
                <c:pt idx="243">
                  <c:v>1.0504704976911237</c:v>
                </c:pt>
                <c:pt idx="244">
                  <c:v>1.0481072344792202</c:v>
                </c:pt>
                <c:pt idx="245">
                  <c:v>1.0457439712673164</c:v>
                </c:pt>
                <c:pt idx="246">
                  <c:v>1.0433807080554129</c:v>
                </c:pt>
                <c:pt idx="247">
                  <c:v>1.0410174448435094</c:v>
                </c:pt>
                <c:pt idx="248">
                  <c:v>1.0374725500256541</c:v>
                </c:pt>
                <c:pt idx="249">
                  <c:v>1.0351092868137506</c:v>
                </c:pt>
                <c:pt idx="250">
                  <c:v>1.0327460236018471</c:v>
                </c:pt>
                <c:pt idx="251">
                  <c:v>1.0303827603899436</c:v>
                </c:pt>
                <c:pt idx="252">
                  <c:v>1.0280194971780401</c:v>
                </c:pt>
                <c:pt idx="253">
                  <c:v>1.0256562339661364</c:v>
                </c:pt>
                <c:pt idx="254">
                  <c:v>1.0232929707542329</c:v>
                </c:pt>
                <c:pt idx="255">
                  <c:v>1.0209297075423294</c:v>
                </c:pt>
                <c:pt idx="256">
                  <c:v>1.0185664443304256</c:v>
                </c:pt>
                <c:pt idx="257">
                  <c:v>1.0162031811185221</c:v>
                </c:pt>
                <c:pt idx="258">
                  <c:v>1.0138399179066186</c:v>
                </c:pt>
                <c:pt idx="259">
                  <c:v>1.0114766546947151</c:v>
                </c:pt>
                <c:pt idx="260">
                  <c:v>1.0091133914828117</c:v>
                </c:pt>
                <c:pt idx="261">
                  <c:v>1.0067501282709082</c:v>
                </c:pt>
                <c:pt idx="262">
                  <c:v>1.0043868650590044</c:v>
                </c:pt>
                <c:pt idx="263">
                  <c:v>1.0020236018471009</c:v>
                </c:pt>
                <c:pt idx="264">
                  <c:v>0.99966033863519743</c:v>
                </c:pt>
                <c:pt idx="265">
                  <c:v>0.99729707542329404</c:v>
                </c:pt>
                <c:pt idx="266">
                  <c:v>0.99493381221139032</c:v>
                </c:pt>
                <c:pt idx="267">
                  <c:v>0.99375218060543868</c:v>
                </c:pt>
                <c:pt idx="268">
                  <c:v>0.99138891739353496</c:v>
                </c:pt>
                <c:pt idx="269">
                  <c:v>0.98902565418163146</c:v>
                </c:pt>
                <c:pt idx="270">
                  <c:v>0.98666239096972785</c:v>
                </c:pt>
                <c:pt idx="271">
                  <c:v>0.98429912775782435</c:v>
                </c:pt>
                <c:pt idx="272">
                  <c:v>0.98193586454592086</c:v>
                </c:pt>
                <c:pt idx="273">
                  <c:v>0.98075423293996911</c:v>
                </c:pt>
                <c:pt idx="274">
                  <c:v>0.97839096972806572</c:v>
                </c:pt>
                <c:pt idx="275">
                  <c:v>0.97602770651616211</c:v>
                </c:pt>
                <c:pt idx="276">
                  <c:v>0.97366444330425839</c:v>
                </c:pt>
                <c:pt idx="277">
                  <c:v>0.97130118009235489</c:v>
                </c:pt>
                <c:pt idx="278">
                  <c:v>0.97011954848640314</c:v>
                </c:pt>
                <c:pt idx="279">
                  <c:v>0.96775628527449953</c:v>
                </c:pt>
                <c:pt idx="280">
                  <c:v>0.96539302206259625</c:v>
                </c:pt>
                <c:pt idx="281">
                  <c:v>0.96421139045664428</c:v>
                </c:pt>
                <c:pt idx="282">
                  <c:v>0.96184812724474078</c:v>
                </c:pt>
                <c:pt idx="283">
                  <c:v>0.95948486403283739</c:v>
                </c:pt>
                <c:pt idx="284">
                  <c:v>0.95830323242688564</c:v>
                </c:pt>
                <c:pt idx="285">
                  <c:v>0.95593996921498203</c:v>
                </c:pt>
                <c:pt idx="286">
                  <c:v>0.95357670600307831</c:v>
                </c:pt>
                <c:pt idx="287">
                  <c:v>0.95239507439712678</c:v>
                </c:pt>
                <c:pt idx="288">
                  <c:v>0.95003181118522317</c:v>
                </c:pt>
                <c:pt idx="289">
                  <c:v>0.94766854797331967</c:v>
                </c:pt>
                <c:pt idx="290">
                  <c:v>0.94648691636736793</c:v>
                </c:pt>
                <c:pt idx="291">
                  <c:v>0.94412365315546432</c:v>
                </c:pt>
                <c:pt idx="292">
                  <c:v>0.94294202154951245</c:v>
                </c:pt>
                <c:pt idx="293">
                  <c:v>0.94057875833760907</c:v>
                </c:pt>
                <c:pt idx="294">
                  <c:v>0.93821549512570546</c:v>
                </c:pt>
                <c:pt idx="295">
                  <c:v>0.93703386351975371</c:v>
                </c:pt>
                <c:pt idx="296">
                  <c:v>0.93467060030785021</c:v>
                </c:pt>
                <c:pt idx="297">
                  <c:v>0.93348896870189846</c:v>
                </c:pt>
                <c:pt idx="298">
                  <c:v>0.93112570548999485</c:v>
                </c:pt>
                <c:pt idx="299">
                  <c:v>0.9299440738840431</c:v>
                </c:pt>
                <c:pt idx="300">
                  <c:v>0.9275808106721396</c:v>
                </c:pt>
                <c:pt idx="301">
                  <c:v>0.92639917906618785</c:v>
                </c:pt>
                <c:pt idx="302">
                  <c:v>0.92403591585428424</c:v>
                </c:pt>
                <c:pt idx="303">
                  <c:v>0.92285428424833227</c:v>
                </c:pt>
                <c:pt idx="304">
                  <c:v>0.92049102103642899</c:v>
                </c:pt>
                <c:pt idx="305">
                  <c:v>0.91930938943047713</c:v>
                </c:pt>
                <c:pt idx="306">
                  <c:v>0.91694612621857363</c:v>
                </c:pt>
                <c:pt idx="307">
                  <c:v>0.91576449461262166</c:v>
                </c:pt>
                <c:pt idx="308">
                  <c:v>0.91458286300667013</c:v>
                </c:pt>
                <c:pt idx="309">
                  <c:v>0.91221959979476641</c:v>
                </c:pt>
                <c:pt idx="310">
                  <c:v>0.91103796818881477</c:v>
                </c:pt>
                <c:pt idx="311">
                  <c:v>0.90867470497691127</c:v>
                </c:pt>
                <c:pt idx="312">
                  <c:v>0.90749307337095952</c:v>
                </c:pt>
                <c:pt idx="313">
                  <c:v>0.90631144176500766</c:v>
                </c:pt>
                <c:pt idx="314">
                  <c:v>0.90394817855310416</c:v>
                </c:pt>
                <c:pt idx="315">
                  <c:v>0.90276654694715242</c:v>
                </c:pt>
                <c:pt idx="316">
                  <c:v>0.90040328373524881</c:v>
                </c:pt>
                <c:pt idx="317">
                  <c:v>0.89922165212929706</c:v>
                </c:pt>
                <c:pt idx="318">
                  <c:v>0.89804002052334531</c:v>
                </c:pt>
                <c:pt idx="319">
                  <c:v>0.89567675731144181</c:v>
                </c:pt>
                <c:pt idx="320">
                  <c:v>0.89449512570548995</c:v>
                </c:pt>
                <c:pt idx="321">
                  <c:v>0.8933134940995382</c:v>
                </c:pt>
                <c:pt idx="322">
                  <c:v>0.8909502308876347</c:v>
                </c:pt>
                <c:pt idx="323">
                  <c:v>0.88976859928168295</c:v>
                </c:pt>
                <c:pt idx="324">
                  <c:v>0.8885869676757312</c:v>
                </c:pt>
                <c:pt idx="325">
                  <c:v>0.88740533606977934</c:v>
                </c:pt>
                <c:pt idx="326">
                  <c:v>0.88504207285787562</c:v>
                </c:pt>
                <c:pt idx="327">
                  <c:v>0.88386044125192409</c:v>
                </c:pt>
                <c:pt idx="328">
                  <c:v>0.88267880964597234</c:v>
                </c:pt>
                <c:pt idx="329">
                  <c:v>0.88149717804002037</c:v>
                </c:pt>
                <c:pt idx="330">
                  <c:v>0.87913391482811676</c:v>
                </c:pt>
                <c:pt idx="331">
                  <c:v>0.87795228322216501</c:v>
                </c:pt>
                <c:pt idx="332">
                  <c:v>0.87677065161621348</c:v>
                </c:pt>
                <c:pt idx="333">
                  <c:v>0.87558902001026162</c:v>
                </c:pt>
                <c:pt idx="334">
                  <c:v>0.87440738840430976</c:v>
                </c:pt>
                <c:pt idx="335">
                  <c:v>0.87204412519240615</c:v>
                </c:pt>
                <c:pt idx="336">
                  <c:v>0.87086249358645462</c:v>
                </c:pt>
                <c:pt idx="337">
                  <c:v>0.86968086198050287</c:v>
                </c:pt>
                <c:pt idx="338">
                  <c:v>0.86849923037455101</c:v>
                </c:pt>
                <c:pt idx="339">
                  <c:v>0.86731759876859926</c:v>
                </c:pt>
                <c:pt idx="340">
                  <c:v>0.86613596716264729</c:v>
                </c:pt>
                <c:pt idx="341">
                  <c:v>0.86377270395074401</c:v>
                </c:pt>
                <c:pt idx="342">
                  <c:v>0.86259107234479215</c:v>
                </c:pt>
                <c:pt idx="343">
                  <c:v>0.86140944073884029</c:v>
                </c:pt>
                <c:pt idx="344">
                  <c:v>0.86022780913288865</c:v>
                </c:pt>
                <c:pt idx="345">
                  <c:v>0.85904617752693668</c:v>
                </c:pt>
                <c:pt idx="346">
                  <c:v>0.85786454592098516</c:v>
                </c:pt>
                <c:pt idx="347">
                  <c:v>0.85668291431503329</c:v>
                </c:pt>
                <c:pt idx="348">
                  <c:v>0.85550128270908155</c:v>
                </c:pt>
                <c:pt idx="349">
                  <c:v>0.85431965110312957</c:v>
                </c:pt>
                <c:pt idx="350">
                  <c:v>0.85313801949717805</c:v>
                </c:pt>
                <c:pt idx="351">
                  <c:v>0.85077475628527433</c:v>
                </c:pt>
                <c:pt idx="352">
                  <c:v>0.84959312467932269</c:v>
                </c:pt>
                <c:pt idx="353">
                  <c:v>0.84841149307337071</c:v>
                </c:pt>
                <c:pt idx="354">
                  <c:v>0.84722986146741897</c:v>
                </c:pt>
                <c:pt idx="355">
                  <c:v>0.84604822986146744</c:v>
                </c:pt>
                <c:pt idx="356">
                  <c:v>0.84486659825551569</c:v>
                </c:pt>
                <c:pt idx="357">
                  <c:v>0.84368496664956372</c:v>
                </c:pt>
                <c:pt idx="358">
                  <c:v>0.84250333504361208</c:v>
                </c:pt>
                <c:pt idx="359">
                  <c:v>0.84132170343766011</c:v>
                </c:pt>
                <c:pt idx="360">
                  <c:v>0.84014007183170836</c:v>
                </c:pt>
                <c:pt idx="361">
                  <c:v>0.83895844022575683</c:v>
                </c:pt>
                <c:pt idx="362">
                  <c:v>0.83777680861980486</c:v>
                </c:pt>
                <c:pt idx="363">
                  <c:v>0.83659517701385322</c:v>
                </c:pt>
                <c:pt idx="364">
                  <c:v>0.83541354540790125</c:v>
                </c:pt>
                <c:pt idx="365">
                  <c:v>0.8342319138019495</c:v>
                </c:pt>
                <c:pt idx="366">
                  <c:v>0.83305028219599797</c:v>
                </c:pt>
                <c:pt idx="367">
                  <c:v>0.83186865059004622</c:v>
                </c:pt>
                <c:pt idx="368">
                  <c:v>0.83068701898409425</c:v>
                </c:pt>
                <c:pt idx="369">
                  <c:v>0.82950538737814261</c:v>
                </c:pt>
                <c:pt idx="370">
                  <c:v>0.82832375577219064</c:v>
                </c:pt>
                <c:pt idx="371">
                  <c:v>0.82714212416623911</c:v>
                </c:pt>
                <c:pt idx="372">
                  <c:v>0.82596049256028736</c:v>
                </c:pt>
                <c:pt idx="373">
                  <c:v>0.8247788609543355</c:v>
                </c:pt>
                <c:pt idx="374">
                  <c:v>0.8247788609543355</c:v>
                </c:pt>
                <c:pt idx="375">
                  <c:v>0.82359722934838364</c:v>
                </c:pt>
                <c:pt idx="376">
                  <c:v>0.822415597742432</c:v>
                </c:pt>
                <c:pt idx="377">
                  <c:v>0.82123396613648003</c:v>
                </c:pt>
                <c:pt idx="378">
                  <c:v>0.82005233453052828</c:v>
                </c:pt>
                <c:pt idx="379">
                  <c:v>0.81887070292457664</c:v>
                </c:pt>
                <c:pt idx="380">
                  <c:v>0.81768907131862478</c:v>
                </c:pt>
                <c:pt idx="381">
                  <c:v>0.81650743971267303</c:v>
                </c:pt>
                <c:pt idx="382">
                  <c:v>0.81532580810672128</c:v>
                </c:pt>
                <c:pt idx="383">
                  <c:v>0.81414417650076953</c:v>
                </c:pt>
                <c:pt idx="384">
                  <c:v>0.81296254489481767</c:v>
                </c:pt>
                <c:pt idx="385">
                  <c:v>0.81296254489481767</c:v>
                </c:pt>
                <c:pt idx="386">
                  <c:v>0.81178091328886615</c:v>
                </c:pt>
                <c:pt idx="387">
                  <c:v>0.81059928168291429</c:v>
                </c:pt>
                <c:pt idx="388">
                  <c:v>0.80941765007696254</c:v>
                </c:pt>
                <c:pt idx="389">
                  <c:v>0.80823601847101079</c:v>
                </c:pt>
                <c:pt idx="390">
                  <c:v>0.80705438686505904</c:v>
                </c:pt>
                <c:pt idx="391">
                  <c:v>0.80705438686505904</c:v>
                </c:pt>
                <c:pt idx="392">
                  <c:v>0.80587275525910729</c:v>
                </c:pt>
                <c:pt idx="393">
                  <c:v>0.80469112365315554</c:v>
                </c:pt>
                <c:pt idx="394">
                  <c:v>0.80350949204720368</c:v>
                </c:pt>
                <c:pt idx="395">
                  <c:v>0.80232786044125204</c:v>
                </c:pt>
                <c:pt idx="396">
                  <c:v>0.80114622883530018</c:v>
                </c:pt>
                <c:pt idx="397">
                  <c:v>0.80114622883530018</c:v>
                </c:pt>
                <c:pt idx="398">
                  <c:v>0.79996459722934832</c:v>
                </c:pt>
                <c:pt idx="399">
                  <c:v>0.79878296562339668</c:v>
                </c:pt>
                <c:pt idx="400">
                  <c:v>0.79760133401744482</c:v>
                </c:pt>
              </c:numCache>
            </c:numRef>
          </c:yVal>
          <c:smooth val="1"/>
          <c:extLst>
            <c:ext xmlns:c16="http://schemas.microsoft.com/office/drawing/2014/chart" uri="{C3380CC4-5D6E-409C-BE32-E72D297353CC}">
              <c16:uniqueId val="{00000000-9A0A-4FCD-BE90-09D29DDB2F50}"/>
            </c:ext>
          </c:extLst>
        </c:ser>
        <c:ser>
          <c:idx val="1"/>
          <c:order val="1"/>
          <c:tx>
            <c:strRef>
              <c:f>'S400'!$AM$1</c:f>
              <c:strCache>
                <c:ptCount val="1"/>
                <c:pt idx="0">
                  <c:v>α400</c:v>
                </c:pt>
              </c:strCache>
            </c:strRef>
          </c:tx>
          <c:marker>
            <c:symbol val="none"/>
          </c:marker>
          <c:xVal>
            <c:numRef>
              <c:f>'S400'!$H$2:$H$1272</c:f>
              <c:numCache>
                <c:formatCode>General</c:formatCode>
                <c:ptCount val="1271"/>
                <c:pt idx="0">
                  <c:v>4.1333333333333337</c:v>
                </c:pt>
                <c:pt idx="1">
                  <c:v>4.1059602649006619</c:v>
                </c:pt>
                <c:pt idx="2">
                  <c:v>4.0789473684210522</c:v>
                </c:pt>
                <c:pt idx="3">
                  <c:v>4.0522875816993462</c:v>
                </c:pt>
                <c:pt idx="4">
                  <c:v>4.0259740259740262</c:v>
                </c:pt>
                <c:pt idx="5">
                  <c:v>4</c:v>
                </c:pt>
                <c:pt idx="6">
                  <c:v>3.9743589743589745</c:v>
                </c:pt>
                <c:pt idx="7">
                  <c:v>3.9490445859872612</c:v>
                </c:pt>
                <c:pt idx="8">
                  <c:v>3.9240506329113924</c:v>
                </c:pt>
                <c:pt idx="9">
                  <c:v>3.89937106918239</c:v>
                </c:pt>
                <c:pt idx="10">
                  <c:v>3.875</c:v>
                </c:pt>
                <c:pt idx="11">
                  <c:v>3.8509316770186337</c:v>
                </c:pt>
                <c:pt idx="12">
                  <c:v>3.8271604938271606</c:v>
                </c:pt>
                <c:pt idx="13">
                  <c:v>3.8036809815950918</c:v>
                </c:pt>
                <c:pt idx="14">
                  <c:v>3.7804878048780486</c:v>
                </c:pt>
                <c:pt idx="15">
                  <c:v>3.7575757575757578</c:v>
                </c:pt>
                <c:pt idx="16">
                  <c:v>3.7349397590361444</c:v>
                </c:pt>
                <c:pt idx="17">
                  <c:v>3.7125748502994012</c:v>
                </c:pt>
                <c:pt idx="18">
                  <c:v>3.6904761904761907</c:v>
                </c:pt>
                <c:pt idx="19">
                  <c:v>3.668639053254438</c:v>
                </c:pt>
                <c:pt idx="20">
                  <c:v>3.6470588235294117</c:v>
                </c:pt>
                <c:pt idx="21">
                  <c:v>3.6257309941520468</c:v>
                </c:pt>
                <c:pt idx="22">
                  <c:v>3.6046511627906979</c:v>
                </c:pt>
                <c:pt idx="23">
                  <c:v>3.5838150289017343</c:v>
                </c:pt>
                <c:pt idx="24">
                  <c:v>3.5632183908045976</c:v>
                </c:pt>
                <c:pt idx="25">
                  <c:v>3.5428571428571427</c:v>
                </c:pt>
                <c:pt idx="26">
                  <c:v>3.5227272727272729</c:v>
                </c:pt>
                <c:pt idx="27">
                  <c:v>3.5028248587570623</c:v>
                </c:pt>
                <c:pt idx="28">
                  <c:v>3.4831460674157304</c:v>
                </c:pt>
                <c:pt idx="29">
                  <c:v>3.4636871508379889</c:v>
                </c:pt>
                <c:pt idx="30">
                  <c:v>3.4444444444444446</c:v>
                </c:pt>
                <c:pt idx="31">
                  <c:v>3.4254143646408841</c:v>
                </c:pt>
                <c:pt idx="32">
                  <c:v>3.4065934065934065</c:v>
                </c:pt>
                <c:pt idx="33">
                  <c:v>3.3879781420765029</c:v>
                </c:pt>
                <c:pt idx="34">
                  <c:v>3.3695652173913042</c:v>
                </c:pt>
                <c:pt idx="35">
                  <c:v>3.3513513513513513</c:v>
                </c:pt>
                <c:pt idx="36">
                  <c:v>3.3333333333333335</c:v>
                </c:pt>
                <c:pt idx="37">
                  <c:v>3.3155080213903743</c:v>
                </c:pt>
                <c:pt idx="38">
                  <c:v>3.2978723404255321</c:v>
                </c:pt>
                <c:pt idx="39">
                  <c:v>3.2804232804232805</c:v>
                </c:pt>
                <c:pt idx="40">
                  <c:v>3.263157894736842</c:v>
                </c:pt>
                <c:pt idx="41">
                  <c:v>3.2460732984293195</c:v>
                </c:pt>
                <c:pt idx="42">
                  <c:v>3.2291666666666665</c:v>
                </c:pt>
                <c:pt idx="43">
                  <c:v>3.2124352331606216</c:v>
                </c:pt>
                <c:pt idx="44">
                  <c:v>3.195876288659794</c:v>
                </c:pt>
                <c:pt idx="45">
                  <c:v>3.1794871794871793</c:v>
                </c:pt>
                <c:pt idx="46">
                  <c:v>3.1632653061224492</c:v>
                </c:pt>
                <c:pt idx="47">
                  <c:v>3.1472081218274113</c:v>
                </c:pt>
                <c:pt idx="48">
                  <c:v>3.1313131313131315</c:v>
                </c:pt>
                <c:pt idx="49">
                  <c:v>3.1155778894472363</c:v>
                </c:pt>
                <c:pt idx="50">
                  <c:v>3.1</c:v>
                </c:pt>
                <c:pt idx="51">
                  <c:v>3.0845771144278609</c:v>
                </c:pt>
                <c:pt idx="52">
                  <c:v>3.0693069306930694</c:v>
                </c:pt>
                <c:pt idx="53">
                  <c:v>3.0541871921182264</c:v>
                </c:pt>
                <c:pt idx="54">
                  <c:v>3.0392156862745097</c:v>
                </c:pt>
                <c:pt idx="55">
                  <c:v>3.024390243902439</c:v>
                </c:pt>
                <c:pt idx="56">
                  <c:v>3.0097087378640777</c:v>
                </c:pt>
                <c:pt idx="57">
                  <c:v>2.9951690821256038</c:v>
                </c:pt>
                <c:pt idx="58">
                  <c:v>2.9807692307692308</c:v>
                </c:pt>
                <c:pt idx="59">
                  <c:v>2.9665071770334928</c:v>
                </c:pt>
                <c:pt idx="60">
                  <c:v>2.9523809523809526</c:v>
                </c:pt>
                <c:pt idx="61">
                  <c:v>2.9383886255924172</c:v>
                </c:pt>
                <c:pt idx="62">
                  <c:v>2.9245283018867925</c:v>
                </c:pt>
                <c:pt idx="63">
                  <c:v>2.9107981220657275</c:v>
                </c:pt>
                <c:pt idx="64">
                  <c:v>2.8971962616822431</c:v>
                </c:pt>
                <c:pt idx="65">
                  <c:v>2.8837209302325579</c:v>
                </c:pt>
                <c:pt idx="66">
                  <c:v>2.8703703703703702</c:v>
                </c:pt>
                <c:pt idx="67">
                  <c:v>2.8571428571428572</c:v>
                </c:pt>
                <c:pt idx="68">
                  <c:v>2.8440366972477062</c:v>
                </c:pt>
                <c:pt idx="69">
                  <c:v>2.8310502283105023</c:v>
                </c:pt>
                <c:pt idx="70">
                  <c:v>2.8181818181818183</c:v>
                </c:pt>
                <c:pt idx="71">
                  <c:v>2.8054298642533935</c:v>
                </c:pt>
                <c:pt idx="72">
                  <c:v>2.7927927927927927</c:v>
                </c:pt>
                <c:pt idx="73">
                  <c:v>2.7802690582959642</c:v>
                </c:pt>
                <c:pt idx="74">
                  <c:v>2.7678571428571428</c:v>
                </c:pt>
                <c:pt idx="75">
                  <c:v>2.7555555555555555</c:v>
                </c:pt>
                <c:pt idx="76">
                  <c:v>2.7433628318584069</c:v>
                </c:pt>
                <c:pt idx="77">
                  <c:v>2.7312775330396475</c:v>
                </c:pt>
                <c:pt idx="78">
                  <c:v>2.7192982456140351</c:v>
                </c:pt>
                <c:pt idx="79">
                  <c:v>2.7074235807860263</c:v>
                </c:pt>
                <c:pt idx="80">
                  <c:v>2.6956521739130435</c:v>
                </c:pt>
                <c:pt idx="81">
                  <c:v>2.6839826839826841</c:v>
                </c:pt>
                <c:pt idx="82">
                  <c:v>2.6724137931034484</c:v>
                </c:pt>
                <c:pt idx="83">
                  <c:v>2.6609442060085837</c:v>
                </c:pt>
                <c:pt idx="84">
                  <c:v>2.6495726495726495</c:v>
                </c:pt>
                <c:pt idx="85">
                  <c:v>2.6382978723404253</c:v>
                </c:pt>
                <c:pt idx="86">
                  <c:v>2.6271186440677967</c:v>
                </c:pt>
                <c:pt idx="87">
                  <c:v>2.6160337552742616</c:v>
                </c:pt>
                <c:pt idx="88">
                  <c:v>2.6050420168067228</c:v>
                </c:pt>
                <c:pt idx="89">
                  <c:v>2.5941422594142258</c:v>
                </c:pt>
                <c:pt idx="90">
                  <c:v>2.5833333333333335</c:v>
                </c:pt>
                <c:pt idx="91">
                  <c:v>2.5726141078838176</c:v>
                </c:pt>
                <c:pt idx="92">
                  <c:v>2.5619834710743801</c:v>
                </c:pt>
                <c:pt idx="93">
                  <c:v>2.5514403292181069</c:v>
                </c:pt>
                <c:pt idx="94">
                  <c:v>2.540983606557377</c:v>
                </c:pt>
                <c:pt idx="95">
                  <c:v>2.5306122448979593</c:v>
                </c:pt>
                <c:pt idx="96">
                  <c:v>2.5203252032520327</c:v>
                </c:pt>
                <c:pt idx="97">
                  <c:v>2.5101214574898787</c:v>
                </c:pt>
                <c:pt idx="98">
                  <c:v>2.5</c:v>
                </c:pt>
                <c:pt idx="99">
                  <c:v>2.4899598393574296</c:v>
                </c:pt>
                <c:pt idx="100">
                  <c:v>2.48</c:v>
                </c:pt>
                <c:pt idx="101">
                  <c:v>2.4701195219123506</c:v>
                </c:pt>
                <c:pt idx="102">
                  <c:v>2.4603174603174605</c:v>
                </c:pt>
                <c:pt idx="103">
                  <c:v>2.4505928853754941</c:v>
                </c:pt>
                <c:pt idx="104">
                  <c:v>2.4409448818897639</c:v>
                </c:pt>
                <c:pt idx="105">
                  <c:v>2.4313725490196076</c:v>
                </c:pt>
                <c:pt idx="106">
                  <c:v>2.421875</c:v>
                </c:pt>
                <c:pt idx="107">
                  <c:v>2.4124513618677041</c:v>
                </c:pt>
                <c:pt idx="108">
                  <c:v>2.4031007751937983</c:v>
                </c:pt>
                <c:pt idx="109">
                  <c:v>2.3938223938223939</c:v>
                </c:pt>
                <c:pt idx="110">
                  <c:v>2.3846153846153846</c:v>
                </c:pt>
                <c:pt idx="111">
                  <c:v>2.3754789272030652</c:v>
                </c:pt>
                <c:pt idx="112">
                  <c:v>2.3664122137404582</c:v>
                </c:pt>
                <c:pt idx="113">
                  <c:v>2.3574144486692017</c:v>
                </c:pt>
                <c:pt idx="114">
                  <c:v>2.3484848484848486</c:v>
                </c:pt>
                <c:pt idx="115">
                  <c:v>2.3396226415094339</c:v>
                </c:pt>
                <c:pt idx="116">
                  <c:v>2.3308270676691731</c:v>
                </c:pt>
                <c:pt idx="117">
                  <c:v>2.3220973782771535</c:v>
                </c:pt>
                <c:pt idx="118">
                  <c:v>2.3134328358208953</c:v>
                </c:pt>
                <c:pt idx="119">
                  <c:v>2.3048327137546467</c:v>
                </c:pt>
                <c:pt idx="120">
                  <c:v>2.2962962962962963</c:v>
                </c:pt>
                <c:pt idx="121">
                  <c:v>2.2878228782287824</c:v>
                </c:pt>
                <c:pt idx="122">
                  <c:v>2.2794117647058822</c:v>
                </c:pt>
                <c:pt idx="123">
                  <c:v>2.271062271062271</c:v>
                </c:pt>
                <c:pt idx="124">
                  <c:v>2.2627737226277373</c:v>
                </c:pt>
                <c:pt idx="125">
                  <c:v>2.2545454545454544</c:v>
                </c:pt>
                <c:pt idx="126">
                  <c:v>2.2463768115942031</c:v>
                </c:pt>
                <c:pt idx="127">
                  <c:v>2.2382671480144403</c:v>
                </c:pt>
                <c:pt idx="128">
                  <c:v>2.2302158273381294</c:v>
                </c:pt>
                <c:pt idx="129">
                  <c:v>2.2222222222222223</c:v>
                </c:pt>
                <c:pt idx="130">
                  <c:v>2.2142857142857144</c:v>
                </c:pt>
                <c:pt idx="131">
                  <c:v>2.2064056939501779</c:v>
                </c:pt>
                <c:pt idx="132">
                  <c:v>2.1985815602836878</c:v>
                </c:pt>
                <c:pt idx="133">
                  <c:v>2.1908127208480566</c:v>
                </c:pt>
                <c:pt idx="134">
                  <c:v>2.183098591549296</c:v>
                </c:pt>
                <c:pt idx="135">
                  <c:v>2.1754385964912282</c:v>
                </c:pt>
                <c:pt idx="136">
                  <c:v>2.1678321678321679</c:v>
                </c:pt>
                <c:pt idx="137">
                  <c:v>2.1602787456445993</c:v>
                </c:pt>
                <c:pt idx="138">
                  <c:v>2.1527777777777777</c:v>
                </c:pt>
                <c:pt idx="139">
                  <c:v>2.1453287197231834</c:v>
                </c:pt>
                <c:pt idx="140">
                  <c:v>2.1379310344827585</c:v>
                </c:pt>
                <c:pt idx="141">
                  <c:v>2.1305841924398625</c:v>
                </c:pt>
                <c:pt idx="142">
                  <c:v>2.1232876712328768</c:v>
                </c:pt>
                <c:pt idx="143">
                  <c:v>2.1160409556313993</c:v>
                </c:pt>
                <c:pt idx="144">
                  <c:v>2.1088435374149661</c:v>
                </c:pt>
                <c:pt idx="145">
                  <c:v>2.1016949152542375</c:v>
                </c:pt>
                <c:pt idx="146">
                  <c:v>2.0945945945945947</c:v>
                </c:pt>
                <c:pt idx="147">
                  <c:v>2.0875420875420874</c:v>
                </c:pt>
                <c:pt idx="148">
                  <c:v>2.0805369127516777</c:v>
                </c:pt>
                <c:pt idx="149">
                  <c:v>2.0735785953177257</c:v>
                </c:pt>
                <c:pt idx="150">
                  <c:v>2.0666666666666669</c:v>
                </c:pt>
                <c:pt idx="151">
                  <c:v>2.0598006644518274</c:v>
                </c:pt>
                <c:pt idx="152">
                  <c:v>2.052980132450331</c:v>
                </c:pt>
                <c:pt idx="153">
                  <c:v>2.0462046204620461</c:v>
                </c:pt>
                <c:pt idx="154">
                  <c:v>2.0394736842105261</c:v>
                </c:pt>
                <c:pt idx="155">
                  <c:v>2.0327868852459017</c:v>
                </c:pt>
                <c:pt idx="156">
                  <c:v>2.0261437908496731</c:v>
                </c:pt>
                <c:pt idx="157">
                  <c:v>2.0195439739413681</c:v>
                </c:pt>
                <c:pt idx="158">
                  <c:v>2.0129870129870131</c:v>
                </c:pt>
                <c:pt idx="159">
                  <c:v>2.0064724919093853</c:v>
                </c:pt>
                <c:pt idx="160">
                  <c:v>2</c:v>
                </c:pt>
                <c:pt idx="161">
                  <c:v>1.9935691318327975</c:v>
                </c:pt>
                <c:pt idx="162">
                  <c:v>1.9871794871794872</c:v>
                </c:pt>
                <c:pt idx="163">
                  <c:v>1.9808306709265175</c:v>
                </c:pt>
                <c:pt idx="164">
                  <c:v>1.9745222929936306</c:v>
                </c:pt>
                <c:pt idx="165">
                  <c:v>1.9682539682539681</c:v>
                </c:pt>
                <c:pt idx="166">
                  <c:v>1.9620253164556962</c:v>
                </c:pt>
                <c:pt idx="167">
                  <c:v>1.9558359621451105</c:v>
                </c:pt>
                <c:pt idx="168">
                  <c:v>1.949685534591195</c:v>
                </c:pt>
                <c:pt idx="169">
                  <c:v>1.9435736677115987</c:v>
                </c:pt>
                <c:pt idx="170">
                  <c:v>1.9375</c:v>
                </c:pt>
                <c:pt idx="171">
                  <c:v>1.9314641744548287</c:v>
                </c:pt>
                <c:pt idx="172">
                  <c:v>1.9254658385093169</c:v>
                </c:pt>
                <c:pt idx="173">
                  <c:v>1.9195046439628483</c:v>
                </c:pt>
                <c:pt idx="174">
                  <c:v>1.9135802469135803</c:v>
                </c:pt>
                <c:pt idx="175">
                  <c:v>1.9076923076923078</c:v>
                </c:pt>
                <c:pt idx="176">
                  <c:v>1.9018404907975459</c:v>
                </c:pt>
                <c:pt idx="177">
                  <c:v>1.8960244648318043</c:v>
                </c:pt>
                <c:pt idx="178">
                  <c:v>1.8902439024390243</c:v>
                </c:pt>
                <c:pt idx="179">
                  <c:v>1.884498480243161</c:v>
                </c:pt>
                <c:pt idx="180">
                  <c:v>1.8787878787878789</c:v>
                </c:pt>
                <c:pt idx="181">
                  <c:v>1.8731117824773413</c:v>
                </c:pt>
                <c:pt idx="182">
                  <c:v>1.8674698795180722</c:v>
                </c:pt>
                <c:pt idx="183">
                  <c:v>1.8618618618618619</c:v>
                </c:pt>
                <c:pt idx="184">
                  <c:v>1.8562874251497006</c:v>
                </c:pt>
                <c:pt idx="185">
                  <c:v>1.8507462686567164</c:v>
                </c:pt>
                <c:pt idx="186">
                  <c:v>1.8452380952380953</c:v>
                </c:pt>
                <c:pt idx="187">
                  <c:v>1.8397626112759644</c:v>
                </c:pt>
                <c:pt idx="188">
                  <c:v>1.834319526627219</c:v>
                </c:pt>
                <c:pt idx="189">
                  <c:v>1.8289085545722714</c:v>
                </c:pt>
                <c:pt idx="190">
                  <c:v>1.8235294117647058</c:v>
                </c:pt>
                <c:pt idx="191">
                  <c:v>1.8181818181818181</c:v>
                </c:pt>
                <c:pt idx="192">
                  <c:v>1.8128654970760234</c:v>
                </c:pt>
                <c:pt idx="193">
                  <c:v>1.8075801749271136</c:v>
                </c:pt>
                <c:pt idx="194">
                  <c:v>1.8023255813953489</c:v>
                </c:pt>
                <c:pt idx="195">
                  <c:v>1.7971014492753623</c:v>
                </c:pt>
                <c:pt idx="196">
                  <c:v>1.7919075144508672</c:v>
                </c:pt>
                <c:pt idx="197">
                  <c:v>1.7867435158501441</c:v>
                </c:pt>
                <c:pt idx="198">
                  <c:v>1.7816091954022988</c:v>
                </c:pt>
                <c:pt idx="199">
                  <c:v>1.7765042979942693</c:v>
                </c:pt>
                <c:pt idx="200">
                  <c:v>1.7714285714285714</c:v>
                </c:pt>
                <c:pt idx="201">
                  <c:v>1.7663817663817665</c:v>
                </c:pt>
                <c:pt idx="202">
                  <c:v>1.7613636363636365</c:v>
                </c:pt>
                <c:pt idx="203">
                  <c:v>1.7563739376770537</c:v>
                </c:pt>
                <c:pt idx="204">
                  <c:v>1.7514124293785311</c:v>
                </c:pt>
                <c:pt idx="205">
                  <c:v>1.7464788732394365</c:v>
                </c:pt>
                <c:pt idx="206">
                  <c:v>1.7415730337078652</c:v>
                </c:pt>
                <c:pt idx="207">
                  <c:v>1.7366946778711485</c:v>
                </c:pt>
                <c:pt idx="208">
                  <c:v>1.7318435754189945</c:v>
                </c:pt>
                <c:pt idx="209">
                  <c:v>1.7270194986072422</c:v>
                </c:pt>
                <c:pt idx="210">
                  <c:v>1.7222222222222223</c:v>
                </c:pt>
                <c:pt idx="211">
                  <c:v>1.7174515235457064</c:v>
                </c:pt>
                <c:pt idx="212">
                  <c:v>1.7127071823204421</c:v>
                </c:pt>
                <c:pt idx="213">
                  <c:v>1.7079889807162534</c:v>
                </c:pt>
                <c:pt idx="214">
                  <c:v>1.7032967032967032</c:v>
                </c:pt>
                <c:pt idx="215">
                  <c:v>1.6986301369863013</c:v>
                </c:pt>
                <c:pt idx="216">
                  <c:v>1.6939890710382515</c:v>
                </c:pt>
                <c:pt idx="217">
                  <c:v>1.6893732970027249</c:v>
                </c:pt>
                <c:pt idx="218">
                  <c:v>1.6847826086956521</c:v>
                </c:pt>
                <c:pt idx="219">
                  <c:v>1.6802168021680217</c:v>
                </c:pt>
                <c:pt idx="220">
                  <c:v>1.6756756756756757</c:v>
                </c:pt>
                <c:pt idx="221">
                  <c:v>1.6711590296495957</c:v>
                </c:pt>
                <c:pt idx="222">
                  <c:v>1.6666666666666667</c:v>
                </c:pt>
                <c:pt idx="223">
                  <c:v>1.6621983914209115</c:v>
                </c:pt>
                <c:pt idx="224">
                  <c:v>1.6577540106951871</c:v>
                </c:pt>
                <c:pt idx="225">
                  <c:v>1.6533333333333333</c:v>
                </c:pt>
                <c:pt idx="226">
                  <c:v>1.6489361702127661</c:v>
                </c:pt>
                <c:pt idx="227">
                  <c:v>1.6445623342175066</c:v>
                </c:pt>
                <c:pt idx="228">
                  <c:v>1.6402116402116402</c:v>
                </c:pt>
                <c:pt idx="229">
                  <c:v>1.6358839050131926</c:v>
                </c:pt>
                <c:pt idx="230">
                  <c:v>1.631578947368421</c:v>
                </c:pt>
                <c:pt idx="231">
                  <c:v>1.6272965879265091</c:v>
                </c:pt>
                <c:pt idx="232">
                  <c:v>1.6230366492146597</c:v>
                </c:pt>
                <c:pt idx="233">
                  <c:v>1.6187989556135771</c:v>
                </c:pt>
                <c:pt idx="234">
                  <c:v>1.6145833333333333</c:v>
                </c:pt>
                <c:pt idx="235">
                  <c:v>1.6103896103896105</c:v>
                </c:pt>
                <c:pt idx="236">
                  <c:v>1.6062176165803108</c:v>
                </c:pt>
                <c:pt idx="237">
                  <c:v>1.6020671834625324</c:v>
                </c:pt>
                <c:pt idx="238">
                  <c:v>1.597938144329897</c:v>
                </c:pt>
                <c:pt idx="239">
                  <c:v>1.5938303341902313</c:v>
                </c:pt>
                <c:pt idx="240">
                  <c:v>1.5897435897435896</c:v>
                </c:pt>
                <c:pt idx="241">
                  <c:v>1.5856777493606138</c:v>
                </c:pt>
                <c:pt idx="242">
                  <c:v>1.5816326530612246</c:v>
                </c:pt>
                <c:pt idx="243">
                  <c:v>1.5776081424936388</c:v>
                </c:pt>
                <c:pt idx="244">
                  <c:v>1.5736040609137056</c:v>
                </c:pt>
                <c:pt idx="245">
                  <c:v>1.5696202531645569</c:v>
                </c:pt>
                <c:pt idx="246">
                  <c:v>1.5656565656565657</c:v>
                </c:pt>
                <c:pt idx="247">
                  <c:v>1.5617128463476071</c:v>
                </c:pt>
                <c:pt idx="248">
                  <c:v>1.5577889447236182</c:v>
                </c:pt>
                <c:pt idx="249">
                  <c:v>1.5538847117794485</c:v>
                </c:pt>
                <c:pt idx="250">
                  <c:v>1.55</c:v>
                </c:pt>
                <c:pt idx="251">
                  <c:v>1.546134663341646</c:v>
                </c:pt>
                <c:pt idx="252">
                  <c:v>1.5422885572139304</c:v>
                </c:pt>
                <c:pt idx="253">
                  <c:v>1.5384615384615385</c:v>
                </c:pt>
                <c:pt idx="254">
                  <c:v>1.5346534653465347</c:v>
                </c:pt>
                <c:pt idx="255">
                  <c:v>1.5308641975308641</c:v>
                </c:pt>
                <c:pt idx="256">
                  <c:v>1.5270935960591132</c:v>
                </c:pt>
                <c:pt idx="257">
                  <c:v>1.5233415233415233</c:v>
                </c:pt>
                <c:pt idx="258">
                  <c:v>1.5196078431372548</c:v>
                </c:pt>
                <c:pt idx="259">
                  <c:v>1.5158924205378974</c:v>
                </c:pt>
                <c:pt idx="260">
                  <c:v>1.5121951219512195</c:v>
                </c:pt>
                <c:pt idx="261">
                  <c:v>1.5085158150851581</c:v>
                </c:pt>
                <c:pt idx="262">
                  <c:v>1.5048543689320388</c:v>
                </c:pt>
                <c:pt idx="263">
                  <c:v>1.5012106537530265</c:v>
                </c:pt>
                <c:pt idx="264">
                  <c:v>1.4975845410628019</c:v>
                </c:pt>
                <c:pt idx="265">
                  <c:v>1.4939759036144578</c:v>
                </c:pt>
                <c:pt idx="266">
                  <c:v>1.4903846153846154</c:v>
                </c:pt>
                <c:pt idx="267">
                  <c:v>1.4868105515587531</c:v>
                </c:pt>
                <c:pt idx="268">
                  <c:v>1.4832535885167464</c:v>
                </c:pt>
                <c:pt idx="269">
                  <c:v>1.4797136038186158</c:v>
                </c:pt>
                <c:pt idx="270">
                  <c:v>1.4761904761904763</c:v>
                </c:pt>
                <c:pt idx="271">
                  <c:v>1.4726840855106889</c:v>
                </c:pt>
                <c:pt idx="272">
                  <c:v>1.4691943127962086</c:v>
                </c:pt>
                <c:pt idx="273">
                  <c:v>1.4657210401891252</c:v>
                </c:pt>
                <c:pt idx="274">
                  <c:v>1.4622641509433962</c:v>
                </c:pt>
                <c:pt idx="275">
                  <c:v>1.4588235294117646</c:v>
                </c:pt>
                <c:pt idx="276">
                  <c:v>1.4553990610328638</c:v>
                </c:pt>
                <c:pt idx="277">
                  <c:v>1.4519906323185012</c:v>
                </c:pt>
                <c:pt idx="278">
                  <c:v>1.4485981308411215</c:v>
                </c:pt>
                <c:pt idx="279">
                  <c:v>1.4452214452214451</c:v>
                </c:pt>
                <c:pt idx="280">
                  <c:v>1.441860465116279</c:v>
                </c:pt>
                <c:pt idx="281">
                  <c:v>1.4385150812064966</c:v>
                </c:pt>
                <c:pt idx="282">
                  <c:v>1.4351851851851851</c:v>
                </c:pt>
                <c:pt idx="283">
                  <c:v>1.4318706697459584</c:v>
                </c:pt>
                <c:pt idx="284">
                  <c:v>1.4285714285714286</c:v>
                </c:pt>
                <c:pt idx="285">
                  <c:v>1.4252873563218391</c:v>
                </c:pt>
                <c:pt idx="286">
                  <c:v>1.4220183486238531</c:v>
                </c:pt>
                <c:pt idx="287">
                  <c:v>1.4187643020594967</c:v>
                </c:pt>
                <c:pt idx="288">
                  <c:v>1.4155251141552512</c:v>
                </c:pt>
                <c:pt idx="289">
                  <c:v>1.4123006833712983</c:v>
                </c:pt>
                <c:pt idx="290">
                  <c:v>1.4090909090909092</c:v>
                </c:pt>
                <c:pt idx="291">
                  <c:v>1.4058956916099774</c:v>
                </c:pt>
                <c:pt idx="292">
                  <c:v>1.4027149321266967</c:v>
                </c:pt>
                <c:pt idx="293">
                  <c:v>1.399548532731377</c:v>
                </c:pt>
                <c:pt idx="294">
                  <c:v>1.3963963963963963</c:v>
                </c:pt>
                <c:pt idx="295">
                  <c:v>1.3932584269662922</c:v>
                </c:pt>
                <c:pt idx="296">
                  <c:v>1.3901345291479821</c:v>
                </c:pt>
                <c:pt idx="297">
                  <c:v>1.3870246085011186</c:v>
                </c:pt>
                <c:pt idx="298">
                  <c:v>1.3839285714285714</c:v>
                </c:pt>
                <c:pt idx="299">
                  <c:v>1.3808463251670378</c:v>
                </c:pt>
                <c:pt idx="300">
                  <c:v>1.3777777777777778</c:v>
                </c:pt>
                <c:pt idx="301">
                  <c:v>1.3747228381374723</c:v>
                </c:pt>
                <c:pt idx="302">
                  <c:v>1.3716814159292035</c:v>
                </c:pt>
                <c:pt idx="303">
                  <c:v>1.3686534216335542</c:v>
                </c:pt>
                <c:pt idx="304">
                  <c:v>1.3656387665198237</c:v>
                </c:pt>
                <c:pt idx="305">
                  <c:v>1.3626373626373627</c:v>
                </c:pt>
                <c:pt idx="306">
                  <c:v>1.3596491228070176</c:v>
                </c:pt>
                <c:pt idx="307">
                  <c:v>1.3566739606126914</c:v>
                </c:pt>
                <c:pt idx="308">
                  <c:v>1.3537117903930131</c:v>
                </c:pt>
                <c:pt idx="309">
                  <c:v>1.3507625272331154</c:v>
                </c:pt>
                <c:pt idx="310">
                  <c:v>1.3478260869565217</c:v>
                </c:pt>
                <c:pt idx="311">
                  <c:v>1.3449023861171367</c:v>
                </c:pt>
                <c:pt idx="312">
                  <c:v>1.3419913419913421</c:v>
                </c:pt>
                <c:pt idx="313">
                  <c:v>1.3390928725701945</c:v>
                </c:pt>
                <c:pt idx="314">
                  <c:v>1.3362068965517242</c:v>
                </c:pt>
                <c:pt idx="315">
                  <c:v>1.3333333333333333</c:v>
                </c:pt>
                <c:pt idx="316">
                  <c:v>1.3304721030042919</c:v>
                </c:pt>
                <c:pt idx="317">
                  <c:v>1.3276231263383298</c:v>
                </c:pt>
                <c:pt idx="318">
                  <c:v>1.3247863247863247</c:v>
                </c:pt>
                <c:pt idx="319">
                  <c:v>1.3219616204690832</c:v>
                </c:pt>
                <c:pt idx="320">
                  <c:v>1.3191489361702127</c:v>
                </c:pt>
                <c:pt idx="321">
                  <c:v>1.316348195329087</c:v>
                </c:pt>
                <c:pt idx="322">
                  <c:v>1.3135593220338984</c:v>
                </c:pt>
                <c:pt idx="323">
                  <c:v>1.3107822410147991</c:v>
                </c:pt>
                <c:pt idx="324">
                  <c:v>1.3080168776371308</c:v>
                </c:pt>
                <c:pt idx="325">
                  <c:v>1.3052631578947369</c:v>
                </c:pt>
                <c:pt idx="326">
                  <c:v>1.3025210084033614</c:v>
                </c:pt>
                <c:pt idx="327">
                  <c:v>1.29979035639413</c:v>
                </c:pt>
                <c:pt idx="328">
                  <c:v>1.2970711297071129</c:v>
                </c:pt>
                <c:pt idx="329">
                  <c:v>1.2943632567849688</c:v>
                </c:pt>
                <c:pt idx="330">
                  <c:v>1.2916666666666667</c:v>
                </c:pt>
                <c:pt idx="331">
                  <c:v>1.2889812889812891</c:v>
                </c:pt>
                <c:pt idx="332">
                  <c:v>1.2863070539419088</c:v>
                </c:pt>
                <c:pt idx="333">
                  <c:v>1.2836438923395446</c:v>
                </c:pt>
                <c:pt idx="334">
                  <c:v>1.28099173553719</c:v>
                </c:pt>
                <c:pt idx="335">
                  <c:v>1.2783505154639174</c:v>
                </c:pt>
                <c:pt idx="336">
                  <c:v>1.2757201646090535</c:v>
                </c:pt>
                <c:pt idx="337">
                  <c:v>1.2731006160164271</c:v>
                </c:pt>
                <c:pt idx="338">
                  <c:v>1.2704918032786885</c:v>
                </c:pt>
                <c:pt idx="339">
                  <c:v>1.2678936605316973</c:v>
                </c:pt>
                <c:pt idx="340">
                  <c:v>1.2653061224489797</c:v>
                </c:pt>
                <c:pt idx="341">
                  <c:v>1.2627291242362526</c:v>
                </c:pt>
                <c:pt idx="342">
                  <c:v>1.2601626016260163</c:v>
                </c:pt>
                <c:pt idx="343">
                  <c:v>1.2576064908722109</c:v>
                </c:pt>
                <c:pt idx="344">
                  <c:v>1.2550607287449393</c:v>
                </c:pt>
                <c:pt idx="345">
                  <c:v>1.2525252525252526</c:v>
                </c:pt>
                <c:pt idx="346">
                  <c:v>1.25</c:v>
                </c:pt>
                <c:pt idx="347">
                  <c:v>1.2474849094567404</c:v>
                </c:pt>
                <c:pt idx="348">
                  <c:v>1.2449799196787148</c:v>
                </c:pt>
                <c:pt idx="349">
                  <c:v>1.2424849699398797</c:v>
                </c:pt>
                <c:pt idx="350">
                  <c:v>1.24</c:v>
                </c:pt>
                <c:pt idx="351">
                  <c:v>1.2375249500998005</c:v>
                </c:pt>
                <c:pt idx="352">
                  <c:v>1.2350597609561753</c:v>
                </c:pt>
                <c:pt idx="353">
                  <c:v>1.2326043737574552</c:v>
                </c:pt>
                <c:pt idx="354">
                  <c:v>1.2301587301587302</c:v>
                </c:pt>
                <c:pt idx="355">
                  <c:v>1.2277227722772277</c:v>
                </c:pt>
                <c:pt idx="356">
                  <c:v>1.2252964426877471</c:v>
                </c:pt>
                <c:pt idx="357">
                  <c:v>1.222879684418146</c:v>
                </c:pt>
                <c:pt idx="358">
                  <c:v>1.2204724409448819</c:v>
                </c:pt>
                <c:pt idx="359">
                  <c:v>1.2180746561886051</c:v>
                </c:pt>
                <c:pt idx="360">
                  <c:v>1.2156862745098038</c:v>
                </c:pt>
                <c:pt idx="361">
                  <c:v>1.2133072407045009</c:v>
                </c:pt>
                <c:pt idx="362">
                  <c:v>1.2109375</c:v>
                </c:pt>
                <c:pt idx="363">
                  <c:v>1.2085769980506822</c:v>
                </c:pt>
                <c:pt idx="364">
                  <c:v>1.2062256809338521</c:v>
                </c:pt>
                <c:pt idx="365">
                  <c:v>1.203883495145631</c:v>
                </c:pt>
                <c:pt idx="366">
                  <c:v>1.2015503875968991</c:v>
                </c:pt>
                <c:pt idx="367">
                  <c:v>1.1992263056092842</c:v>
                </c:pt>
                <c:pt idx="368">
                  <c:v>1.196911196911197</c:v>
                </c:pt>
                <c:pt idx="369">
                  <c:v>1.1946050096339114</c:v>
                </c:pt>
                <c:pt idx="370">
                  <c:v>1.1923076923076923</c:v>
                </c:pt>
                <c:pt idx="371">
                  <c:v>1.1900191938579654</c:v>
                </c:pt>
                <c:pt idx="372">
                  <c:v>1.1877394636015326</c:v>
                </c:pt>
                <c:pt idx="373">
                  <c:v>1.1854684512428297</c:v>
                </c:pt>
                <c:pt idx="374">
                  <c:v>1.1832061068702291</c:v>
                </c:pt>
                <c:pt idx="375">
                  <c:v>1.180952380952381</c:v>
                </c:pt>
                <c:pt idx="376">
                  <c:v>1.1787072243346008</c:v>
                </c:pt>
                <c:pt idx="377">
                  <c:v>1.1764705882352942</c:v>
                </c:pt>
                <c:pt idx="378">
                  <c:v>1.1742424242424243</c:v>
                </c:pt>
                <c:pt idx="379">
                  <c:v>1.172022684310019</c:v>
                </c:pt>
                <c:pt idx="380">
                  <c:v>1.1698113207547169</c:v>
                </c:pt>
                <c:pt idx="381">
                  <c:v>1.167608286252354</c:v>
                </c:pt>
                <c:pt idx="382">
                  <c:v>1.1654135338345866</c:v>
                </c:pt>
                <c:pt idx="383">
                  <c:v>1.1632270168855534</c:v>
                </c:pt>
                <c:pt idx="384">
                  <c:v>1.1610486891385767</c:v>
                </c:pt>
                <c:pt idx="385">
                  <c:v>1.1588785046728971</c:v>
                </c:pt>
                <c:pt idx="386">
                  <c:v>1.1567164179104477</c:v>
                </c:pt>
                <c:pt idx="387">
                  <c:v>1.1545623836126628</c:v>
                </c:pt>
                <c:pt idx="388">
                  <c:v>1.1524163568773234</c:v>
                </c:pt>
                <c:pt idx="389">
                  <c:v>1.1502782931354361</c:v>
                </c:pt>
                <c:pt idx="390">
                  <c:v>1.1481481481481481</c:v>
                </c:pt>
                <c:pt idx="391">
                  <c:v>1.1460258780036969</c:v>
                </c:pt>
                <c:pt idx="392">
                  <c:v>1.1439114391143912</c:v>
                </c:pt>
                <c:pt idx="393">
                  <c:v>1.141804788213628</c:v>
                </c:pt>
                <c:pt idx="394">
                  <c:v>1.1397058823529411</c:v>
                </c:pt>
                <c:pt idx="395">
                  <c:v>1.1376146788990826</c:v>
                </c:pt>
                <c:pt idx="396">
                  <c:v>1.1355311355311355</c:v>
                </c:pt>
                <c:pt idx="397">
                  <c:v>1.13345521023766</c:v>
                </c:pt>
                <c:pt idx="398">
                  <c:v>1.1313868613138687</c:v>
                </c:pt>
                <c:pt idx="399">
                  <c:v>1.1293260473588342</c:v>
                </c:pt>
                <c:pt idx="400">
                  <c:v>1.1272727272727272</c:v>
                </c:pt>
              </c:numCache>
            </c:numRef>
          </c:xVal>
          <c:yVal>
            <c:numRef>
              <c:f>'S400'!$AM$2:$AM$1272</c:f>
              <c:numCache>
                <c:formatCode>General</c:formatCode>
                <c:ptCount val="1271"/>
                <c:pt idx="0">
                  <c:v>4.9264278269932253</c:v>
                </c:pt>
                <c:pt idx="1">
                  <c:v>5.5594828035435118</c:v>
                </c:pt>
                <c:pt idx="2">
                  <c:v>5.817505211047421</c:v>
                </c:pt>
                <c:pt idx="3">
                  <c:v>4.7809151902032303</c:v>
                </c:pt>
                <c:pt idx="4">
                  <c:v>4.8124179260031266</c:v>
                </c:pt>
                <c:pt idx="5">
                  <c:v>4.695407764460656</c:v>
                </c:pt>
                <c:pt idx="6">
                  <c:v>5.0524387701928068</c:v>
                </c:pt>
                <c:pt idx="7">
                  <c:v>4.6744059405940597</c:v>
                </c:pt>
                <c:pt idx="8">
                  <c:v>4.6489037258989052</c:v>
                </c:pt>
                <c:pt idx="9">
                  <c:v>4.6939076341844714</c:v>
                </c:pt>
                <c:pt idx="10">
                  <c:v>4.6309021625846798</c:v>
                </c:pt>
                <c:pt idx="11">
                  <c:v>4.9114265242313699</c:v>
                </c:pt>
                <c:pt idx="12">
                  <c:v>4.6474035956227198</c:v>
                </c:pt>
                <c:pt idx="13">
                  <c:v>4.692407503908286</c:v>
                </c:pt>
                <c:pt idx="14">
                  <c:v>4.617400990099009</c:v>
                </c:pt>
                <c:pt idx="15">
                  <c:v>4.5108917404898383</c:v>
                </c:pt>
                <c:pt idx="16">
                  <c:v>4.6038998176133399</c:v>
                </c:pt>
                <c:pt idx="17">
                  <c:v>4.5513952579468473</c:v>
                </c:pt>
                <c:pt idx="18">
                  <c:v>4.7209099791558096</c:v>
                </c:pt>
                <c:pt idx="19">
                  <c:v>4.5693968212610727</c:v>
                </c:pt>
                <c:pt idx="20">
                  <c:v>4.4583871808233448</c:v>
                </c:pt>
                <c:pt idx="21">
                  <c:v>4.4328849661281913</c:v>
                </c:pt>
                <c:pt idx="22">
                  <c:v>4.4898899166232402</c:v>
                </c:pt>
                <c:pt idx="23">
                  <c:v>4.3653791036998433</c:v>
                </c:pt>
                <c:pt idx="24">
                  <c:v>4.4028823606044813</c:v>
                </c:pt>
                <c:pt idx="25">
                  <c:v>4.384880797290255</c:v>
                </c:pt>
                <c:pt idx="26">
                  <c:v>4.509391610213652</c:v>
                </c:pt>
                <c:pt idx="27">
                  <c:v>4.4733884835852002</c:v>
                </c:pt>
                <c:pt idx="28">
                  <c:v>4.3758800156331423</c:v>
                </c:pt>
                <c:pt idx="29">
                  <c:v>4.4058826211568523</c:v>
                </c:pt>
                <c:pt idx="30">
                  <c:v>4.398381969775925</c:v>
                </c:pt>
                <c:pt idx="31">
                  <c:v>4.4613874413757166</c:v>
                </c:pt>
                <c:pt idx="32">
                  <c:v>4.4628875716519012</c:v>
                </c:pt>
                <c:pt idx="33">
                  <c:v>4.3803804064616987</c:v>
                </c:pt>
                <c:pt idx="34">
                  <c:v>4.333876367899947</c:v>
                </c:pt>
                <c:pt idx="35">
                  <c:v>4.306874022928608</c:v>
                </c:pt>
                <c:pt idx="36">
                  <c:v>4.3458774101094315</c:v>
                </c:pt>
                <c:pt idx="37">
                  <c:v>4.2543694632621145</c:v>
                </c:pt>
                <c:pt idx="38">
                  <c:v>4.2873723293381971</c:v>
                </c:pt>
                <c:pt idx="39">
                  <c:v>4.2348677696717028</c:v>
                </c:pt>
                <c:pt idx="40">
                  <c:v>4.2858721990620108</c:v>
                </c:pt>
                <c:pt idx="41">
                  <c:v>4.2108656852527355</c:v>
                </c:pt>
                <c:pt idx="42">
                  <c:v>4.2378680302240745</c:v>
                </c:pt>
                <c:pt idx="43">
                  <c:v>4.2408682907764463</c:v>
                </c:pt>
                <c:pt idx="44">
                  <c:v>4.1838633402813965</c:v>
                </c:pt>
                <c:pt idx="45">
                  <c:v>4.1643616466909847</c:v>
                </c:pt>
                <c:pt idx="46">
                  <c:v>4.1478602136529439</c:v>
                </c:pt>
                <c:pt idx="47">
                  <c:v>4.1148573475768622</c:v>
                </c:pt>
                <c:pt idx="48">
                  <c:v>4.1073566961959349</c:v>
                </c:pt>
                <c:pt idx="49">
                  <c:v>4.093855523710265</c:v>
                </c:pt>
                <c:pt idx="50">
                  <c:v>4.0923553934340804</c:v>
                </c:pt>
                <c:pt idx="51">
                  <c:v>4.066853178738925</c:v>
                </c:pt>
                <c:pt idx="52">
                  <c:v>4.0518518759770705</c:v>
                </c:pt>
                <c:pt idx="53">
                  <c:v>4.0398508337675869</c:v>
                </c:pt>
                <c:pt idx="54">
                  <c:v>4.0158487493486188</c:v>
                </c:pt>
                <c:pt idx="55">
                  <c:v>4.0083480979676915</c:v>
                </c:pt>
                <c:pt idx="56">
                  <c:v>3.9903465346534652</c:v>
                </c:pt>
                <c:pt idx="57">
                  <c:v>3.9798456227201657</c:v>
                </c:pt>
                <c:pt idx="58">
                  <c:v>3.9588437988535694</c:v>
                </c:pt>
                <c:pt idx="59">
                  <c:v>3.9528432777488263</c:v>
                </c:pt>
                <c:pt idx="60">
                  <c:v>3.9348417144346017</c:v>
                </c:pt>
                <c:pt idx="61">
                  <c:v>3.9123397602918182</c:v>
                </c:pt>
                <c:pt idx="62">
                  <c:v>3.8973384575299628</c:v>
                </c:pt>
                <c:pt idx="63">
                  <c:v>3.8853374153204796</c:v>
                </c:pt>
                <c:pt idx="64">
                  <c:v>3.8613353309015106</c:v>
                </c:pt>
                <c:pt idx="65">
                  <c:v>3.8403335070349138</c:v>
                </c:pt>
                <c:pt idx="66">
                  <c:v>3.8238320739968725</c:v>
                </c:pt>
                <c:pt idx="67">
                  <c:v>3.808830771235018</c:v>
                </c:pt>
                <c:pt idx="68">
                  <c:v>3.7833285565398636</c:v>
                </c:pt>
                <c:pt idx="69">
                  <c:v>3.7668271235018245</c:v>
                </c:pt>
                <c:pt idx="70">
                  <c:v>3.7488255601875982</c:v>
                </c:pt>
                <c:pt idx="71">
                  <c:v>3.7293238665971855</c:v>
                </c:pt>
                <c:pt idx="72">
                  <c:v>3.7098221730067737</c:v>
                </c:pt>
                <c:pt idx="73">
                  <c:v>3.6888203491401774</c:v>
                </c:pt>
                <c:pt idx="74">
                  <c:v>3.6723189161021357</c:v>
                </c:pt>
                <c:pt idx="75">
                  <c:v>3.6558174830640953</c:v>
                </c:pt>
                <c:pt idx="76">
                  <c:v>3.6348156591974985</c:v>
                </c:pt>
                <c:pt idx="77">
                  <c:v>3.6183142261594572</c:v>
                </c:pt>
                <c:pt idx="78">
                  <c:v>3.6018127931214163</c:v>
                </c:pt>
                <c:pt idx="79">
                  <c:v>3.5868114903595623</c:v>
                </c:pt>
                <c:pt idx="80">
                  <c:v>3.5703100573215218</c:v>
                </c:pt>
                <c:pt idx="81">
                  <c:v>3.5523084940072951</c:v>
                </c:pt>
                <c:pt idx="82">
                  <c:v>3.5373071912454401</c:v>
                </c:pt>
                <c:pt idx="83">
                  <c:v>3.5208057582074002</c:v>
                </c:pt>
                <c:pt idx="84">
                  <c:v>3.5058044554455439</c:v>
                </c:pt>
                <c:pt idx="85">
                  <c:v>3.4893030224075039</c:v>
                </c:pt>
                <c:pt idx="86">
                  <c:v>3.4728015893694626</c:v>
                </c:pt>
                <c:pt idx="87">
                  <c:v>3.4593004168837931</c:v>
                </c:pt>
                <c:pt idx="88">
                  <c:v>3.445799244398124</c:v>
                </c:pt>
                <c:pt idx="89">
                  <c:v>3.4307979416362686</c:v>
                </c:pt>
                <c:pt idx="90">
                  <c:v>3.4157966388744136</c:v>
                </c:pt>
                <c:pt idx="91">
                  <c:v>3.4007953361125578</c:v>
                </c:pt>
                <c:pt idx="92">
                  <c:v>3.3887942939030742</c:v>
                </c:pt>
                <c:pt idx="93">
                  <c:v>3.3752931214174047</c:v>
                </c:pt>
                <c:pt idx="94">
                  <c:v>3.3617919489317356</c:v>
                </c:pt>
                <c:pt idx="95">
                  <c:v>3.3512910369984366</c:v>
                </c:pt>
                <c:pt idx="96">
                  <c:v>3.3377898645127675</c:v>
                </c:pt>
                <c:pt idx="97">
                  <c:v>3.3242886920270975</c:v>
                </c:pt>
                <c:pt idx="98">
                  <c:v>3.3122876498176135</c:v>
                </c:pt>
                <c:pt idx="99">
                  <c:v>3.3002866076081285</c:v>
                </c:pt>
                <c:pt idx="100">
                  <c:v>3.2882855653986454</c:v>
                </c:pt>
                <c:pt idx="101">
                  <c:v>3.2777846534653459</c:v>
                </c:pt>
                <c:pt idx="102">
                  <c:v>3.2657836112558627</c:v>
                </c:pt>
                <c:pt idx="103">
                  <c:v>3.2537825690463777</c:v>
                </c:pt>
                <c:pt idx="104">
                  <c:v>3.2432816571130791</c:v>
                </c:pt>
                <c:pt idx="105">
                  <c:v>3.2342808754559664</c:v>
                </c:pt>
                <c:pt idx="106">
                  <c:v>3.2222798332464824</c:v>
                </c:pt>
                <c:pt idx="107">
                  <c:v>3.2117789213131833</c:v>
                </c:pt>
                <c:pt idx="108">
                  <c:v>3.2027781396560702</c:v>
                </c:pt>
                <c:pt idx="109">
                  <c:v>3.1907770974465857</c:v>
                </c:pt>
                <c:pt idx="110">
                  <c:v>3.1817763157894734</c:v>
                </c:pt>
                <c:pt idx="111">
                  <c:v>3.1697752735799893</c:v>
                </c:pt>
                <c:pt idx="112">
                  <c:v>3.1622746221990612</c:v>
                </c:pt>
                <c:pt idx="113">
                  <c:v>3.151773710265763</c:v>
                </c:pt>
                <c:pt idx="114">
                  <c:v>3.1442730588848353</c:v>
                </c:pt>
                <c:pt idx="115">
                  <c:v>3.1337721469515372</c:v>
                </c:pt>
                <c:pt idx="116">
                  <c:v>3.1262714955706095</c:v>
                </c:pt>
                <c:pt idx="117">
                  <c:v>3.1157705836373109</c:v>
                </c:pt>
                <c:pt idx="118">
                  <c:v>3.1082699322563836</c:v>
                </c:pt>
                <c:pt idx="119">
                  <c:v>3.1007692808754563</c:v>
                </c:pt>
                <c:pt idx="120">
                  <c:v>3.0917684992183432</c:v>
                </c:pt>
                <c:pt idx="121">
                  <c:v>3.084267847837415</c:v>
                </c:pt>
                <c:pt idx="122">
                  <c:v>3.0767671964564873</c:v>
                </c:pt>
                <c:pt idx="123">
                  <c:v>3.0692665450755601</c:v>
                </c:pt>
                <c:pt idx="124">
                  <c:v>3.0617658936946324</c:v>
                </c:pt>
                <c:pt idx="125">
                  <c:v>3.0542652423137042</c:v>
                </c:pt>
                <c:pt idx="126">
                  <c:v>3.0482647212089624</c:v>
                </c:pt>
                <c:pt idx="127">
                  <c:v>3.0407640698280356</c:v>
                </c:pt>
                <c:pt idx="128">
                  <c:v>3.0347635487232929</c:v>
                </c:pt>
                <c:pt idx="129">
                  <c:v>3.0272628973423652</c:v>
                </c:pt>
                <c:pt idx="130">
                  <c:v>3.0212623762376234</c:v>
                </c:pt>
                <c:pt idx="131">
                  <c:v>3.0152618551328811</c:v>
                </c:pt>
                <c:pt idx="132">
                  <c:v>3.0092613340281393</c:v>
                </c:pt>
                <c:pt idx="133">
                  <c:v>3.0017606826472121</c:v>
                </c:pt>
                <c:pt idx="134">
                  <c:v>2.9972602918186548</c:v>
                </c:pt>
                <c:pt idx="135">
                  <c:v>2.9912597707139135</c:v>
                </c:pt>
                <c:pt idx="136">
                  <c:v>2.9852592496091712</c:v>
                </c:pt>
                <c:pt idx="137">
                  <c:v>2.9807588587806144</c:v>
                </c:pt>
                <c:pt idx="138">
                  <c:v>2.9747583376758731</c:v>
                </c:pt>
                <c:pt idx="139">
                  <c:v>2.9702579468473163</c:v>
                </c:pt>
                <c:pt idx="140">
                  <c:v>2.964257425742574</c:v>
                </c:pt>
                <c:pt idx="141">
                  <c:v>2.9597570349140172</c:v>
                </c:pt>
                <c:pt idx="142">
                  <c:v>2.9552566440854608</c:v>
                </c:pt>
                <c:pt idx="143">
                  <c:v>2.9507562532569045</c:v>
                </c:pt>
                <c:pt idx="144">
                  <c:v>2.9462558624283477</c:v>
                </c:pt>
                <c:pt idx="145">
                  <c:v>2.9417554715997913</c:v>
                </c:pt>
                <c:pt idx="146">
                  <c:v>2.9372550807712341</c:v>
                </c:pt>
                <c:pt idx="147">
                  <c:v>2.9327546899426786</c:v>
                </c:pt>
                <c:pt idx="148">
                  <c:v>2.9282542991141218</c:v>
                </c:pt>
                <c:pt idx="149">
                  <c:v>2.9252540385617509</c:v>
                </c:pt>
                <c:pt idx="150">
                  <c:v>2.9207536477331941</c:v>
                </c:pt>
                <c:pt idx="151">
                  <c:v>2.9162532569046373</c:v>
                </c:pt>
                <c:pt idx="152">
                  <c:v>2.9132529963522664</c:v>
                </c:pt>
                <c:pt idx="153">
                  <c:v>2.9087526055237105</c:v>
                </c:pt>
                <c:pt idx="154">
                  <c:v>2.9057523449713392</c:v>
                </c:pt>
                <c:pt idx="155">
                  <c:v>2.9027520844189683</c:v>
                </c:pt>
                <c:pt idx="156">
                  <c:v>2.898251693590411</c:v>
                </c:pt>
                <c:pt idx="157">
                  <c:v>2.8952514330380401</c:v>
                </c:pt>
                <c:pt idx="158">
                  <c:v>2.8922511724856692</c:v>
                </c:pt>
                <c:pt idx="159">
                  <c:v>2.8892509119332987</c:v>
                </c:pt>
                <c:pt idx="160">
                  <c:v>2.8862506513809278</c:v>
                </c:pt>
                <c:pt idx="161">
                  <c:v>2.8817502605523706</c:v>
                </c:pt>
                <c:pt idx="162">
                  <c:v>2.8787499999999997</c:v>
                </c:pt>
                <c:pt idx="163">
                  <c:v>2.8757497394476288</c:v>
                </c:pt>
                <c:pt idx="164">
                  <c:v>2.8727494788952579</c:v>
                </c:pt>
                <c:pt idx="165">
                  <c:v>2.8697492183428865</c:v>
                </c:pt>
                <c:pt idx="166">
                  <c:v>2.8667489577905156</c:v>
                </c:pt>
                <c:pt idx="167">
                  <c:v>2.8637486972381447</c:v>
                </c:pt>
                <c:pt idx="168">
                  <c:v>2.8607484366857738</c:v>
                </c:pt>
                <c:pt idx="169">
                  <c:v>2.8577481761334029</c:v>
                </c:pt>
                <c:pt idx="170">
                  <c:v>2.854747915581032</c:v>
                </c:pt>
                <c:pt idx="171">
                  <c:v>2.8532477853048461</c:v>
                </c:pt>
                <c:pt idx="172">
                  <c:v>2.8502475247524748</c:v>
                </c:pt>
                <c:pt idx="173">
                  <c:v>2.8472472642001039</c:v>
                </c:pt>
                <c:pt idx="174">
                  <c:v>2.844247003647733</c:v>
                </c:pt>
                <c:pt idx="175">
                  <c:v>2.8427468733715475</c:v>
                </c:pt>
                <c:pt idx="176">
                  <c:v>2.8397466128191766</c:v>
                </c:pt>
                <c:pt idx="177">
                  <c:v>2.8367463522668057</c:v>
                </c:pt>
                <c:pt idx="178">
                  <c:v>2.8337460917144344</c:v>
                </c:pt>
                <c:pt idx="179">
                  <c:v>2.8307458311620635</c:v>
                </c:pt>
                <c:pt idx="180">
                  <c:v>2.8277455706096926</c:v>
                </c:pt>
                <c:pt idx="181">
                  <c:v>2.8247453100573212</c:v>
                </c:pt>
                <c:pt idx="182">
                  <c:v>2.8217450495049503</c:v>
                </c:pt>
                <c:pt idx="183">
                  <c:v>2.8187447889525794</c:v>
                </c:pt>
                <c:pt idx="184">
                  <c:v>2.8157445284002081</c:v>
                </c:pt>
                <c:pt idx="185">
                  <c:v>2.8127442678478372</c:v>
                </c:pt>
                <c:pt idx="186">
                  <c:v>2.8097440072954667</c:v>
                </c:pt>
                <c:pt idx="187">
                  <c:v>2.8067437467430949</c:v>
                </c:pt>
                <c:pt idx="188">
                  <c:v>2.803743486190724</c:v>
                </c:pt>
                <c:pt idx="189">
                  <c:v>2.8007432256383527</c:v>
                </c:pt>
                <c:pt idx="190">
                  <c:v>2.7977429650859817</c:v>
                </c:pt>
                <c:pt idx="191">
                  <c:v>2.7947427045336108</c:v>
                </c:pt>
                <c:pt idx="192">
                  <c:v>2.7917424439812395</c:v>
                </c:pt>
                <c:pt idx="193">
                  <c:v>2.7887421834288686</c:v>
                </c:pt>
                <c:pt idx="194">
                  <c:v>2.7857419228764981</c:v>
                </c:pt>
                <c:pt idx="195">
                  <c:v>2.7827416623241268</c:v>
                </c:pt>
                <c:pt idx="196">
                  <c:v>2.7797414017717559</c:v>
                </c:pt>
                <c:pt idx="197">
                  <c:v>2.7752410109431995</c:v>
                </c:pt>
                <c:pt idx="198">
                  <c:v>2.7722407503908286</c:v>
                </c:pt>
                <c:pt idx="199">
                  <c:v>2.7692404898384577</c:v>
                </c:pt>
                <c:pt idx="200">
                  <c:v>2.7662402292860868</c:v>
                </c:pt>
                <c:pt idx="201">
                  <c:v>2.7617398384575296</c:v>
                </c:pt>
                <c:pt idx="202">
                  <c:v>2.7587395779051587</c:v>
                </c:pt>
                <c:pt idx="203">
                  <c:v>2.7557393173527878</c:v>
                </c:pt>
                <c:pt idx="204">
                  <c:v>2.7512389265242314</c:v>
                </c:pt>
                <c:pt idx="205">
                  <c:v>2.7467385356956746</c:v>
                </c:pt>
                <c:pt idx="206">
                  <c:v>2.7437382751433033</c:v>
                </c:pt>
                <c:pt idx="207">
                  <c:v>2.7392378843147474</c:v>
                </c:pt>
                <c:pt idx="208">
                  <c:v>2.7362376237623764</c:v>
                </c:pt>
                <c:pt idx="209">
                  <c:v>2.7317372329338196</c:v>
                </c:pt>
                <c:pt idx="210">
                  <c:v>2.7272368421052633</c:v>
                </c:pt>
                <c:pt idx="211">
                  <c:v>2.7242365815528915</c:v>
                </c:pt>
                <c:pt idx="212">
                  <c:v>2.7197361907243347</c:v>
                </c:pt>
                <c:pt idx="213">
                  <c:v>2.7152357998957788</c:v>
                </c:pt>
                <c:pt idx="214">
                  <c:v>2.710735409067222</c:v>
                </c:pt>
                <c:pt idx="215">
                  <c:v>2.7062350182386656</c:v>
                </c:pt>
                <c:pt idx="216">
                  <c:v>2.7017346274101088</c:v>
                </c:pt>
                <c:pt idx="217">
                  <c:v>2.6987343668577379</c:v>
                </c:pt>
                <c:pt idx="218">
                  <c:v>2.6927338457529957</c:v>
                </c:pt>
                <c:pt idx="219">
                  <c:v>2.6897335852006248</c:v>
                </c:pt>
                <c:pt idx="220">
                  <c:v>2.6837330640958825</c:v>
                </c:pt>
                <c:pt idx="221">
                  <c:v>2.6792326732673266</c:v>
                </c:pt>
                <c:pt idx="222">
                  <c:v>2.6747322824387698</c:v>
                </c:pt>
                <c:pt idx="223">
                  <c:v>2.6702318916102135</c:v>
                </c:pt>
                <c:pt idx="224">
                  <c:v>2.6657315007816567</c:v>
                </c:pt>
                <c:pt idx="225">
                  <c:v>2.6597309796769149</c:v>
                </c:pt>
                <c:pt idx="226">
                  <c:v>2.6552305888483585</c:v>
                </c:pt>
                <c:pt idx="227">
                  <c:v>2.6507301980198017</c:v>
                </c:pt>
                <c:pt idx="228">
                  <c:v>2.6447296769150594</c:v>
                </c:pt>
                <c:pt idx="229">
                  <c:v>2.6402292860865026</c:v>
                </c:pt>
                <c:pt idx="230">
                  <c:v>2.6357288952579463</c:v>
                </c:pt>
                <c:pt idx="231">
                  <c:v>2.6297283741532045</c:v>
                </c:pt>
                <c:pt idx="232">
                  <c:v>2.6252279833246481</c:v>
                </c:pt>
                <c:pt idx="233">
                  <c:v>2.6192274622199059</c:v>
                </c:pt>
                <c:pt idx="234">
                  <c:v>2.6147270713913495</c:v>
                </c:pt>
                <c:pt idx="235">
                  <c:v>2.6087265502866077</c:v>
                </c:pt>
                <c:pt idx="236">
                  <c:v>2.6027260291818655</c:v>
                </c:pt>
                <c:pt idx="237">
                  <c:v>2.5982256383533087</c:v>
                </c:pt>
                <c:pt idx="238">
                  <c:v>2.5922251172485664</c:v>
                </c:pt>
                <c:pt idx="239">
                  <c:v>2.5862245961438242</c:v>
                </c:pt>
                <c:pt idx="240">
                  <c:v>2.5817242053152683</c:v>
                </c:pt>
                <c:pt idx="241">
                  <c:v>2.575723684210526</c:v>
                </c:pt>
                <c:pt idx="242">
                  <c:v>2.5697231631057842</c:v>
                </c:pt>
                <c:pt idx="243">
                  <c:v>2.5637226420010424</c:v>
                </c:pt>
                <c:pt idx="244">
                  <c:v>2.5577221208963001</c:v>
                </c:pt>
                <c:pt idx="245">
                  <c:v>2.5517215997915583</c:v>
                </c:pt>
                <c:pt idx="246">
                  <c:v>2.5472212089630011</c:v>
                </c:pt>
                <c:pt idx="247">
                  <c:v>2.5397205575820738</c:v>
                </c:pt>
                <c:pt idx="248">
                  <c:v>2.535220166753517</c:v>
                </c:pt>
                <c:pt idx="249">
                  <c:v>2.5292196456487752</c:v>
                </c:pt>
                <c:pt idx="250">
                  <c:v>2.5232191245440334</c:v>
                </c:pt>
                <c:pt idx="251">
                  <c:v>2.5157184731631062</c:v>
                </c:pt>
                <c:pt idx="252">
                  <c:v>2.5097179520583635</c:v>
                </c:pt>
                <c:pt idx="253">
                  <c:v>2.5037174309536221</c:v>
                </c:pt>
                <c:pt idx="254">
                  <c:v>2.4977169098488794</c:v>
                </c:pt>
                <c:pt idx="255">
                  <c:v>2.4917163887441376</c:v>
                </c:pt>
                <c:pt idx="256">
                  <c:v>2.4857158676393958</c:v>
                </c:pt>
                <c:pt idx="257">
                  <c:v>2.4797153465346531</c:v>
                </c:pt>
                <c:pt idx="258">
                  <c:v>2.4737148254299113</c:v>
                </c:pt>
                <c:pt idx="259">
                  <c:v>2.467714304325169</c:v>
                </c:pt>
                <c:pt idx="260">
                  <c:v>2.4602136529442413</c:v>
                </c:pt>
                <c:pt idx="261">
                  <c:v>2.4542131318394995</c:v>
                </c:pt>
                <c:pt idx="262">
                  <c:v>2.4482126107347573</c:v>
                </c:pt>
                <c:pt idx="263">
                  <c:v>2.4422120896300155</c:v>
                </c:pt>
                <c:pt idx="264">
                  <c:v>2.4347114382490878</c:v>
                </c:pt>
                <c:pt idx="265">
                  <c:v>2.4287109171443459</c:v>
                </c:pt>
                <c:pt idx="266">
                  <c:v>2.4227103960396037</c:v>
                </c:pt>
                <c:pt idx="267">
                  <c:v>2.4167098749348614</c:v>
                </c:pt>
                <c:pt idx="268">
                  <c:v>2.4092092235539342</c:v>
                </c:pt>
                <c:pt idx="269">
                  <c:v>2.4032087024491924</c:v>
                </c:pt>
                <c:pt idx="270">
                  <c:v>2.3972081813444506</c:v>
                </c:pt>
                <c:pt idx="271">
                  <c:v>2.3912076602397079</c:v>
                </c:pt>
                <c:pt idx="272">
                  <c:v>2.3837070088587806</c:v>
                </c:pt>
                <c:pt idx="273">
                  <c:v>2.3777064877540379</c:v>
                </c:pt>
                <c:pt idx="274">
                  <c:v>2.3717059666492961</c:v>
                </c:pt>
                <c:pt idx="275">
                  <c:v>2.3642053152683689</c:v>
                </c:pt>
                <c:pt idx="276">
                  <c:v>2.358204794163627</c:v>
                </c:pt>
                <c:pt idx="277">
                  <c:v>2.3522042730588844</c:v>
                </c:pt>
                <c:pt idx="278">
                  <c:v>2.3447036216779571</c:v>
                </c:pt>
                <c:pt idx="279">
                  <c:v>2.3387031005732148</c:v>
                </c:pt>
                <c:pt idx="280">
                  <c:v>2.3327025794684726</c:v>
                </c:pt>
                <c:pt idx="281">
                  <c:v>2.3252019280875458</c:v>
                </c:pt>
                <c:pt idx="282">
                  <c:v>2.3192014069828035</c:v>
                </c:pt>
                <c:pt idx="283">
                  <c:v>2.3132008858780613</c:v>
                </c:pt>
                <c:pt idx="284">
                  <c:v>2.305700234497134</c:v>
                </c:pt>
                <c:pt idx="285">
                  <c:v>2.2996997133923913</c:v>
                </c:pt>
                <c:pt idx="286">
                  <c:v>2.2936991922876495</c:v>
                </c:pt>
                <c:pt idx="287">
                  <c:v>2.2876986711829077</c:v>
                </c:pt>
                <c:pt idx="288">
                  <c:v>2.2801980198019804</c:v>
                </c:pt>
                <c:pt idx="289">
                  <c:v>2.2741974986972378</c:v>
                </c:pt>
                <c:pt idx="290">
                  <c:v>2.2681969775924959</c:v>
                </c:pt>
                <c:pt idx="291">
                  <c:v>2.2606963262115678</c:v>
                </c:pt>
                <c:pt idx="292">
                  <c:v>2.254695805106826</c:v>
                </c:pt>
                <c:pt idx="293">
                  <c:v>2.2486952840020846</c:v>
                </c:pt>
                <c:pt idx="294">
                  <c:v>2.2426947628973424</c:v>
                </c:pt>
                <c:pt idx="295">
                  <c:v>2.2351941115164147</c:v>
                </c:pt>
                <c:pt idx="296">
                  <c:v>2.2291935904116724</c:v>
                </c:pt>
                <c:pt idx="297">
                  <c:v>2.2231930693069306</c:v>
                </c:pt>
                <c:pt idx="298">
                  <c:v>2.2156924179260029</c:v>
                </c:pt>
                <c:pt idx="299">
                  <c:v>2.2096918968212611</c:v>
                </c:pt>
                <c:pt idx="300">
                  <c:v>2.2036913757165189</c:v>
                </c:pt>
                <c:pt idx="301">
                  <c:v>2.197690854611777</c:v>
                </c:pt>
                <c:pt idx="302">
                  <c:v>2.1916903335070352</c:v>
                </c:pt>
                <c:pt idx="303">
                  <c:v>2.1841896821261071</c:v>
                </c:pt>
                <c:pt idx="304">
                  <c:v>2.1781891610213653</c:v>
                </c:pt>
                <c:pt idx="305">
                  <c:v>2.172188639916623</c:v>
                </c:pt>
                <c:pt idx="306">
                  <c:v>2.1661881188118808</c:v>
                </c:pt>
                <c:pt idx="307">
                  <c:v>2.160187597707139</c:v>
                </c:pt>
                <c:pt idx="308">
                  <c:v>2.1541870766023967</c:v>
                </c:pt>
                <c:pt idx="309">
                  <c:v>2.1466864252214695</c:v>
                </c:pt>
                <c:pt idx="310">
                  <c:v>2.1406859041167272</c:v>
                </c:pt>
                <c:pt idx="311">
                  <c:v>2.1346853830119854</c:v>
                </c:pt>
                <c:pt idx="312">
                  <c:v>2.1286848619072432</c:v>
                </c:pt>
                <c:pt idx="313">
                  <c:v>2.1226843408025013</c:v>
                </c:pt>
                <c:pt idx="314">
                  <c:v>2.1166838196977591</c:v>
                </c:pt>
                <c:pt idx="315">
                  <c:v>2.1106832985930173</c:v>
                </c:pt>
                <c:pt idx="316">
                  <c:v>2.104682777488275</c:v>
                </c:pt>
                <c:pt idx="317">
                  <c:v>2.0986822563835328</c:v>
                </c:pt>
                <c:pt idx="318">
                  <c:v>2.0926817352787905</c:v>
                </c:pt>
                <c:pt idx="319">
                  <c:v>2.0866812141740487</c:v>
                </c:pt>
                <c:pt idx="320">
                  <c:v>2.0806806930693069</c:v>
                </c:pt>
                <c:pt idx="321">
                  <c:v>2.0746801719645651</c:v>
                </c:pt>
                <c:pt idx="322">
                  <c:v>2.0686796508598224</c:v>
                </c:pt>
                <c:pt idx="323">
                  <c:v>2.0626791297550806</c:v>
                </c:pt>
                <c:pt idx="324">
                  <c:v>2.0566786086503388</c:v>
                </c:pt>
                <c:pt idx="325">
                  <c:v>2.0506780875455966</c:v>
                </c:pt>
                <c:pt idx="326">
                  <c:v>2.0446775664408543</c:v>
                </c:pt>
                <c:pt idx="327">
                  <c:v>2.0386770453361125</c:v>
                </c:pt>
                <c:pt idx="328">
                  <c:v>2.0326765242313707</c:v>
                </c:pt>
                <c:pt idx="329">
                  <c:v>2.026676003126628</c:v>
                </c:pt>
                <c:pt idx="330">
                  <c:v>2.0221756122980721</c:v>
                </c:pt>
                <c:pt idx="331">
                  <c:v>2.0161750911933298</c:v>
                </c:pt>
                <c:pt idx="332">
                  <c:v>2.0101745700885876</c:v>
                </c:pt>
                <c:pt idx="333">
                  <c:v>2.0041740489838458</c:v>
                </c:pt>
                <c:pt idx="334">
                  <c:v>1.9981735278791035</c:v>
                </c:pt>
                <c:pt idx="335">
                  <c:v>1.9936731370505469</c:v>
                </c:pt>
                <c:pt idx="336">
                  <c:v>1.9876726159458049</c:v>
                </c:pt>
                <c:pt idx="337">
                  <c:v>1.9816720948410629</c:v>
                </c:pt>
                <c:pt idx="338">
                  <c:v>1.9756715737363209</c:v>
                </c:pt>
                <c:pt idx="339">
                  <c:v>1.9711711829077643</c:v>
                </c:pt>
                <c:pt idx="340">
                  <c:v>1.9651706618030225</c:v>
                </c:pt>
                <c:pt idx="341">
                  <c:v>1.95917014069828</c:v>
                </c:pt>
                <c:pt idx="342">
                  <c:v>1.9531696195935384</c:v>
                </c:pt>
                <c:pt idx="343">
                  <c:v>1.9486692287649814</c:v>
                </c:pt>
                <c:pt idx="344">
                  <c:v>1.9426687076602398</c:v>
                </c:pt>
                <c:pt idx="345">
                  <c:v>1.9381683168316832</c:v>
                </c:pt>
                <c:pt idx="346">
                  <c:v>1.9321677957269412</c:v>
                </c:pt>
                <c:pt idx="347">
                  <c:v>1.9261672746221987</c:v>
                </c:pt>
                <c:pt idx="348">
                  <c:v>1.9216668837936421</c:v>
                </c:pt>
                <c:pt idx="349">
                  <c:v>1.9156663626889003</c:v>
                </c:pt>
                <c:pt idx="350">
                  <c:v>1.911165971860344</c:v>
                </c:pt>
                <c:pt idx="351">
                  <c:v>1.9051654507556017</c:v>
                </c:pt>
                <c:pt idx="352">
                  <c:v>1.8991649296508597</c:v>
                </c:pt>
                <c:pt idx="353">
                  <c:v>1.8946645388223031</c:v>
                </c:pt>
                <c:pt idx="354">
                  <c:v>1.8886640177175607</c:v>
                </c:pt>
                <c:pt idx="355">
                  <c:v>1.8841636268890045</c:v>
                </c:pt>
                <c:pt idx="356">
                  <c:v>1.8796632360604479</c:v>
                </c:pt>
                <c:pt idx="357">
                  <c:v>1.8736627149557059</c:v>
                </c:pt>
                <c:pt idx="358">
                  <c:v>1.8691623241271493</c:v>
                </c:pt>
                <c:pt idx="359">
                  <c:v>1.8631618030224077</c:v>
                </c:pt>
                <c:pt idx="360">
                  <c:v>1.8586614121938512</c:v>
                </c:pt>
                <c:pt idx="361">
                  <c:v>1.8526608910891089</c:v>
                </c:pt>
                <c:pt idx="362">
                  <c:v>1.8481605002605521</c:v>
                </c:pt>
                <c:pt idx="363">
                  <c:v>1.8436601094319955</c:v>
                </c:pt>
                <c:pt idx="364">
                  <c:v>1.8376595883272537</c:v>
                </c:pt>
                <c:pt idx="365">
                  <c:v>1.8331591974986972</c:v>
                </c:pt>
                <c:pt idx="366">
                  <c:v>1.8286588066701408</c:v>
                </c:pt>
                <c:pt idx="367">
                  <c:v>1.8226582855653986</c:v>
                </c:pt>
                <c:pt idx="368">
                  <c:v>1.818157894736842</c:v>
                </c:pt>
                <c:pt idx="369">
                  <c:v>1.8136575039082856</c:v>
                </c:pt>
                <c:pt idx="370">
                  <c:v>1.8091571130797286</c:v>
                </c:pt>
                <c:pt idx="371">
                  <c:v>1.8031565919749866</c:v>
                </c:pt>
                <c:pt idx="372">
                  <c:v>1.7986562011464304</c:v>
                </c:pt>
                <c:pt idx="373">
                  <c:v>1.7941558103178739</c:v>
                </c:pt>
                <c:pt idx="374">
                  <c:v>1.7896554194893173</c:v>
                </c:pt>
                <c:pt idx="375">
                  <c:v>1.7836548983845755</c:v>
                </c:pt>
                <c:pt idx="376">
                  <c:v>1.7791545075560187</c:v>
                </c:pt>
                <c:pt idx="377">
                  <c:v>1.7746541167274621</c:v>
                </c:pt>
                <c:pt idx="378">
                  <c:v>1.7701537258989055</c:v>
                </c:pt>
                <c:pt idx="379">
                  <c:v>1.7656533350703489</c:v>
                </c:pt>
                <c:pt idx="380">
                  <c:v>1.7611529442417924</c:v>
                </c:pt>
                <c:pt idx="381">
                  <c:v>1.7566525534132358</c:v>
                </c:pt>
                <c:pt idx="382">
                  <c:v>1.7521521625846792</c:v>
                </c:pt>
                <c:pt idx="383">
                  <c:v>1.7461516414799372</c:v>
                </c:pt>
                <c:pt idx="384">
                  <c:v>1.741651250651381</c:v>
                </c:pt>
                <c:pt idx="385">
                  <c:v>1.7371508598228245</c:v>
                </c:pt>
                <c:pt idx="386">
                  <c:v>1.7326504689942679</c:v>
                </c:pt>
                <c:pt idx="387">
                  <c:v>1.7281500781657113</c:v>
                </c:pt>
                <c:pt idx="388">
                  <c:v>1.7236496873371547</c:v>
                </c:pt>
                <c:pt idx="389">
                  <c:v>1.7191492965085979</c:v>
                </c:pt>
                <c:pt idx="390">
                  <c:v>1.7146489056800416</c:v>
                </c:pt>
                <c:pt idx="391">
                  <c:v>1.710148514851485</c:v>
                </c:pt>
                <c:pt idx="392">
                  <c:v>1.7056481240229286</c:v>
                </c:pt>
                <c:pt idx="393">
                  <c:v>1.7026478634705575</c:v>
                </c:pt>
                <c:pt idx="394">
                  <c:v>1.6981474726420005</c:v>
                </c:pt>
                <c:pt idx="395">
                  <c:v>1.6936470818134439</c:v>
                </c:pt>
                <c:pt idx="396">
                  <c:v>1.6891466909848876</c:v>
                </c:pt>
                <c:pt idx="397">
                  <c:v>1.6846463001563312</c:v>
                </c:pt>
                <c:pt idx="398">
                  <c:v>1.6801459093277751</c:v>
                </c:pt>
                <c:pt idx="399">
                  <c:v>1.6756455184992183</c:v>
                </c:pt>
                <c:pt idx="400">
                  <c:v>1.6726452579468472</c:v>
                </c:pt>
              </c:numCache>
            </c:numRef>
          </c:yVal>
          <c:smooth val="1"/>
          <c:extLst>
            <c:ext xmlns:c16="http://schemas.microsoft.com/office/drawing/2014/chart" uri="{C3380CC4-5D6E-409C-BE32-E72D297353CC}">
              <c16:uniqueId val="{00000001-9A0A-4FCD-BE90-09D29DDB2F50}"/>
            </c:ext>
          </c:extLst>
        </c:ser>
        <c:dLbls>
          <c:showLegendKey val="0"/>
          <c:showVal val="0"/>
          <c:showCatName val="0"/>
          <c:showSerName val="0"/>
          <c:showPercent val="0"/>
          <c:showBubbleSize val="0"/>
        </c:dLbls>
        <c:axId val="287032064"/>
        <c:axId val="287033984"/>
      </c:scatterChart>
      <c:valAx>
        <c:axId val="287032064"/>
        <c:scaling>
          <c:orientation val="minMax"/>
          <c:max val="3"/>
          <c:min val="1"/>
        </c:scaling>
        <c:delete val="0"/>
        <c:axPos val="b"/>
        <c:title>
          <c:tx>
            <c:rich>
              <a:bodyPr/>
              <a:lstStyle/>
              <a:p>
                <a:pPr>
                  <a:defRPr/>
                </a:pPr>
                <a:r>
                  <a:rPr lang="en-US"/>
                  <a:t>hv(eV)</a:t>
                </a:r>
              </a:p>
            </c:rich>
          </c:tx>
          <c:overlay val="0"/>
        </c:title>
        <c:numFmt formatCode="General" sourceLinked="1"/>
        <c:majorTickMark val="out"/>
        <c:minorTickMark val="none"/>
        <c:tickLblPos val="nextTo"/>
        <c:crossAx val="287033984"/>
        <c:crosses val="autoZero"/>
        <c:crossBetween val="midCat"/>
      </c:valAx>
      <c:valAx>
        <c:axId val="287033984"/>
        <c:scaling>
          <c:orientation val="minMax"/>
          <c:max val="4"/>
        </c:scaling>
        <c:delete val="0"/>
        <c:axPos val="l"/>
        <c:title>
          <c:tx>
            <c:rich>
              <a:bodyPr/>
              <a:lstStyle/>
              <a:p>
                <a:pPr>
                  <a:defRPr/>
                </a:pPr>
                <a:r>
                  <a:rPr lang="en-US"/>
                  <a:t>Absorption coefficient *10 ^4</a:t>
                </a:r>
              </a:p>
            </c:rich>
          </c:tx>
          <c:overlay val="0"/>
        </c:title>
        <c:numFmt formatCode="General" sourceLinked="1"/>
        <c:majorTickMark val="out"/>
        <c:minorTickMark val="none"/>
        <c:tickLblPos val="nextTo"/>
        <c:crossAx val="287032064"/>
        <c:crosses val="autoZero"/>
        <c:crossBetween val="midCat"/>
      </c:valAx>
    </c:plotArea>
    <c:legend>
      <c:legendPos val="r"/>
      <c:layout>
        <c:manualLayout>
          <c:xMode val="edge"/>
          <c:yMode val="edge"/>
          <c:x val="0.73579024271450599"/>
          <c:y val="0.49408244051460781"/>
          <c:w val="0.17486267824769328"/>
          <c:h val="0.19762746869756034"/>
        </c:manualLayout>
      </c:layout>
      <c:overlay val="0"/>
    </c:legend>
    <c:plotVisOnly val="1"/>
    <c:dispBlanksAs val="gap"/>
    <c:showDLblsOverMax val="0"/>
  </c:chart>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0220206849143857"/>
          <c:y val="6.7044200996614553E-2"/>
          <c:w val="0.72092983271024413"/>
          <c:h val="0.74420765339115225"/>
        </c:manualLayout>
      </c:layout>
      <c:scatterChart>
        <c:scatterStyle val="smoothMarker"/>
        <c:varyColors val="0"/>
        <c:ser>
          <c:idx val="0"/>
          <c:order val="0"/>
          <c:tx>
            <c:strRef>
              <c:f>S!$P$1</c:f>
              <c:strCache>
                <c:ptCount val="1"/>
                <c:pt idx="0">
                  <c:v>(αhυ)^(2)300</c:v>
                </c:pt>
              </c:strCache>
            </c:strRef>
          </c:tx>
          <c:marker>
            <c:symbol val="none"/>
          </c:marker>
          <c:xVal>
            <c:numRef>
              <c:f>S!$B$2:$B$1272</c:f>
              <c:numCache>
                <c:formatCode>General</c:formatCode>
                <c:ptCount val="1271"/>
                <c:pt idx="0">
                  <c:v>4.96</c:v>
                </c:pt>
                <c:pt idx="1">
                  <c:v>4.9206349206349209</c:v>
                </c:pt>
                <c:pt idx="2">
                  <c:v>4.8818897637795278</c:v>
                </c:pt>
                <c:pt idx="3">
                  <c:v>4.84375</c:v>
                </c:pt>
                <c:pt idx="4">
                  <c:v>4.8062015503875966</c:v>
                </c:pt>
                <c:pt idx="5">
                  <c:v>4.7692307692307692</c:v>
                </c:pt>
                <c:pt idx="6">
                  <c:v>4.7328244274809164</c:v>
                </c:pt>
                <c:pt idx="7">
                  <c:v>4.6969696969696972</c:v>
                </c:pt>
                <c:pt idx="8">
                  <c:v>4.6616541353383463</c:v>
                </c:pt>
                <c:pt idx="9">
                  <c:v>4.6268656716417906</c:v>
                </c:pt>
                <c:pt idx="10">
                  <c:v>4.5925925925925926</c:v>
                </c:pt>
                <c:pt idx="11">
                  <c:v>4.5588235294117645</c:v>
                </c:pt>
                <c:pt idx="12">
                  <c:v>4.5255474452554747</c:v>
                </c:pt>
                <c:pt idx="13">
                  <c:v>4.4927536231884062</c:v>
                </c:pt>
                <c:pt idx="14">
                  <c:v>4.4604316546762588</c:v>
                </c:pt>
                <c:pt idx="15">
                  <c:v>4.4285714285714288</c:v>
                </c:pt>
                <c:pt idx="16">
                  <c:v>4.3971631205673756</c:v>
                </c:pt>
                <c:pt idx="17">
                  <c:v>4.3661971830985919</c:v>
                </c:pt>
                <c:pt idx="18">
                  <c:v>4.3356643356643358</c:v>
                </c:pt>
                <c:pt idx="19">
                  <c:v>4.3055555555555554</c:v>
                </c:pt>
                <c:pt idx="20">
                  <c:v>4.2758620689655169</c:v>
                </c:pt>
                <c:pt idx="21">
                  <c:v>4.2465753424657535</c:v>
                </c:pt>
                <c:pt idx="22">
                  <c:v>4.2176870748299322</c:v>
                </c:pt>
                <c:pt idx="23">
                  <c:v>4.1891891891891895</c:v>
                </c:pt>
                <c:pt idx="24">
                  <c:v>4.1610738255033555</c:v>
                </c:pt>
                <c:pt idx="25">
                  <c:v>4.1333333333333337</c:v>
                </c:pt>
                <c:pt idx="26">
                  <c:v>4.1059602649006619</c:v>
                </c:pt>
                <c:pt idx="27">
                  <c:v>4.0789473684210522</c:v>
                </c:pt>
                <c:pt idx="28">
                  <c:v>4.0522875816993462</c:v>
                </c:pt>
                <c:pt idx="29">
                  <c:v>4.0259740259740262</c:v>
                </c:pt>
                <c:pt idx="30">
                  <c:v>4</c:v>
                </c:pt>
                <c:pt idx="31">
                  <c:v>3.9743589743589745</c:v>
                </c:pt>
                <c:pt idx="32">
                  <c:v>3.9490445859872612</c:v>
                </c:pt>
                <c:pt idx="33">
                  <c:v>3.9240506329113924</c:v>
                </c:pt>
                <c:pt idx="34">
                  <c:v>3.89937106918239</c:v>
                </c:pt>
                <c:pt idx="35">
                  <c:v>3.875</c:v>
                </c:pt>
                <c:pt idx="36">
                  <c:v>3.8509316770186337</c:v>
                </c:pt>
                <c:pt idx="37">
                  <c:v>3.8271604938271606</c:v>
                </c:pt>
                <c:pt idx="38">
                  <c:v>3.8036809815950918</c:v>
                </c:pt>
                <c:pt idx="39">
                  <c:v>3.7804878048780486</c:v>
                </c:pt>
                <c:pt idx="40">
                  <c:v>3.7575757575757578</c:v>
                </c:pt>
                <c:pt idx="41">
                  <c:v>3.7349397590361444</c:v>
                </c:pt>
                <c:pt idx="42">
                  <c:v>3.7125748502994012</c:v>
                </c:pt>
                <c:pt idx="43">
                  <c:v>3.6904761904761907</c:v>
                </c:pt>
                <c:pt idx="44">
                  <c:v>3.668639053254438</c:v>
                </c:pt>
                <c:pt idx="45">
                  <c:v>3.6470588235294117</c:v>
                </c:pt>
                <c:pt idx="46">
                  <c:v>3.6257309941520468</c:v>
                </c:pt>
                <c:pt idx="47">
                  <c:v>3.6046511627906979</c:v>
                </c:pt>
                <c:pt idx="48">
                  <c:v>3.5838150289017343</c:v>
                </c:pt>
                <c:pt idx="49">
                  <c:v>3.5632183908045976</c:v>
                </c:pt>
                <c:pt idx="50">
                  <c:v>3.5428571428571427</c:v>
                </c:pt>
                <c:pt idx="51">
                  <c:v>3.5227272727272729</c:v>
                </c:pt>
                <c:pt idx="52">
                  <c:v>3.5028248587570623</c:v>
                </c:pt>
                <c:pt idx="53">
                  <c:v>3.4831460674157304</c:v>
                </c:pt>
                <c:pt idx="54">
                  <c:v>3.4636871508379889</c:v>
                </c:pt>
                <c:pt idx="55">
                  <c:v>3.4444444444444446</c:v>
                </c:pt>
                <c:pt idx="56">
                  <c:v>3.4254143646408841</c:v>
                </c:pt>
                <c:pt idx="57">
                  <c:v>3.4065934065934065</c:v>
                </c:pt>
                <c:pt idx="58">
                  <c:v>3.3879781420765029</c:v>
                </c:pt>
                <c:pt idx="59">
                  <c:v>3.3695652173913042</c:v>
                </c:pt>
                <c:pt idx="60">
                  <c:v>3.3513513513513513</c:v>
                </c:pt>
                <c:pt idx="61">
                  <c:v>3.3333333333333335</c:v>
                </c:pt>
                <c:pt idx="62">
                  <c:v>3.3155080213903743</c:v>
                </c:pt>
                <c:pt idx="63">
                  <c:v>3.2978723404255321</c:v>
                </c:pt>
                <c:pt idx="64">
                  <c:v>3.2804232804232805</c:v>
                </c:pt>
                <c:pt idx="65">
                  <c:v>3.263157894736842</c:v>
                </c:pt>
                <c:pt idx="66">
                  <c:v>3.2460732984293195</c:v>
                </c:pt>
                <c:pt idx="67">
                  <c:v>3.2291666666666665</c:v>
                </c:pt>
                <c:pt idx="68">
                  <c:v>3.2124352331606216</c:v>
                </c:pt>
                <c:pt idx="69">
                  <c:v>3.195876288659794</c:v>
                </c:pt>
                <c:pt idx="70">
                  <c:v>3.1794871794871793</c:v>
                </c:pt>
                <c:pt idx="71">
                  <c:v>3.1632653061224492</c:v>
                </c:pt>
                <c:pt idx="72">
                  <c:v>3.1472081218274113</c:v>
                </c:pt>
                <c:pt idx="73">
                  <c:v>3.1313131313131315</c:v>
                </c:pt>
                <c:pt idx="74">
                  <c:v>3.1155778894472363</c:v>
                </c:pt>
                <c:pt idx="75">
                  <c:v>3.1</c:v>
                </c:pt>
                <c:pt idx="76">
                  <c:v>3.0845771144278609</c:v>
                </c:pt>
                <c:pt idx="77">
                  <c:v>3.0693069306930694</c:v>
                </c:pt>
                <c:pt idx="78">
                  <c:v>3.0541871921182264</c:v>
                </c:pt>
                <c:pt idx="79">
                  <c:v>3.0392156862745097</c:v>
                </c:pt>
                <c:pt idx="80">
                  <c:v>3.024390243902439</c:v>
                </c:pt>
                <c:pt idx="81">
                  <c:v>3.0097087378640777</c:v>
                </c:pt>
                <c:pt idx="82">
                  <c:v>2.9951690821256038</c:v>
                </c:pt>
                <c:pt idx="83">
                  <c:v>2.9807692307692308</c:v>
                </c:pt>
                <c:pt idx="84">
                  <c:v>2.9665071770334928</c:v>
                </c:pt>
                <c:pt idx="85">
                  <c:v>2.9523809523809526</c:v>
                </c:pt>
                <c:pt idx="86">
                  <c:v>2.9383886255924172</c:v>
                </c:pt>
                <c:pt idx="87">
                  <c:v>2.9245283018867925</c:v>
                </c:pt>
                <c:pt idx="88">
                  <c:v>2.9107981220657275</c:v>
                </c:pt>
                <c:pt idx="89">
                  <c:v>2.8971962616822431</c:v>
                </c:pt>
                <c:pt idx="90">
                  <c:v>2.8837209302325579</c:v>
                </c:pt>
                <c:pt idx="91">
                  <c:v>2.8703703703703702</c:v>
                </c:pt>
                <c:pt idx="92">
                  <c:v>2.8571428571428572</c:v>
                </c:pt>
                <c:pt idx="93">
                  <c:v>2.8440366972477062</c:v>
                </c:pt>
                <c:pt idx="94">
                  <c:v>2.8310502283105023</c:v>
                </c:pt>
                <c:pt idx="95">
                  <c:v>2.8181818181818183</c:v>
                </c:pt>
                <c:pt idx="96">
                  <c:v>2.8054298642533935</c:v>
                </c:pt>
                <c:pt idx="97">
                  <c:v>2.7927927927927927</c:v>
                </c:pt>
                <c:pt idx="98">
                  <c:v>2.7802690582959642</c:v>
                </c:pt>
                <c:pt idx="99">
                  <c:v>2.7678571428571428</c:v>
                </c:pt>
                <c:pt idx="100">
                  <c:v>2.7555555555555555</c:v>
                </c:pt>
                <c:pt idx="101">
                  <c:v>2.7433628318584069</c:v>
                </c:pt>
                <c:pt idx="102">
                  <c:v>2.7312775330396475</c:v>
                </c:pt>
                <c:pt idx="103">
                  <c:v>2.7192982456140351</c:v>
                </c:pt>
                <c:pt idx="104">
                  <c:v>2.7074235807860263</c:v>
                </c:pt>
                <c:pt idx="105">
                  <c:v>2.6956521739130435</c:v>
                </c:pt>
                <c:pt idx="106">
                  <c:v>2.6839826839826841</c:v>
                </c:pt>
                <c:pt idx="107">
                  <c:v>2.6724137931034484</c:v>
                </c:pt>
                <c:pt idx="108">
                  <c:v>2.6609442060085837</c:v>
                </c:pt>
                <c:pt idx="109">
                  <c:v>2.6495726495726495</c:v>
                </c:pt>
                <c:pt idx="110">
                  <c:v>2.6382978723404253</c:v>
                </c:pt>
                <c:pt idx="111">
                  <c:v>2.6271186440677967</c:v>
                </c:pt>
                <c:pt idx="112">
                  <c:v>2.6160337552742616</c:v>
                </c:pt>
                <c:pt idx="113">
                  <c:v>2.6050420168067228</c:v>
                </c:pt>
                <c:pt idx="114">
                  <c:v>2.5941422594142258</c:v>
                </c:pt>
                <c:pt idx="115">
                  <c:v>2.5833333333333335</c:v>
                </c:pt>
                <c:pt idx="116">
                  <c:v>2.5726141078838176</c:v>
                </c:pt>
                <c:pt idx="117">
                  <c:v>2.5619834710743801</c:v>
                </c:pt>
                <c:pt idx="118">
                  <c:v>2.5514403292181069</c:v>
                </c:pt>
                <c:pt idx="119">
                  <c:v>2.540983606557377</c:v>
                </c:pt>
                <c:pt idx="120">
                  <c:v>2.5306122448979593</c:v>
                </c:pt>
                <c:pt idx="121">
                  <c:v>2.5203252032520327</c:v>
                </c:pt>
                <c:pt idx="122">
                  <c:v>2.5101214574898787</c:v>
                </c:pt>
                <c:pt idx="123">
                  <c:v>2.5</c:v>
                </c:pt>
                <c:pt idx="124">
                  <c:v>2.4899598393574296</c:v>
                </c:pt>
                <c:pt idx="125">
                  <c:v>2.48</c:v>
                </c:pt>
                <c:pt idx="126">
                  <c:v>2.4701195219123506</c:v>
                </c:pt>
                <c:pt idx="127">
                  <c:v>2.4603174603174605</c:v>
                </c:pt>
                <c:pt idx="128">
                  <c:v>2.4505928853754941</c:v>
                </c:pt>
                <c:pt idx="129">
                  <c:v>2.4409448818897639</c:v>
                </c:pt>
                <c:pt idx="130">
                  <c:v>2.4313725490196076</c:v>
                </c:pt>
                <c:pt idx="131">
                  <c:v>2.421875</c:v>
                </c:pt>
                <c:pt idx="132">
                  <c:v>2.4124513618677041</c:v>
                </c:pt>
                <c:pt idx="133">
                  <c:v>2.4031007751937983</c:v>
                </c:pt>
                <c:pt idx="134">
                  <c:v>2.3938223938223939</c:v>
                </c:pt>
                <c:pt idx="135">
                  <c:v>2.3846153846153846</c:v>
                </c:pt>
                <c:pt idx="136">
                  <c:v>2.3754789272030652</c:v>
                </c:pt>
                <c:pt idx="137">
                  <c:v>2.3664122137404582</c:v>
                </c:pt>
                <c:pt idx="138">
                  <c:v>2.3574144486692017</c:v>
                </c:pt>
                <c:pt idx="139">
                  <c:v>2.3484848484848486</c:v>
                </c:pt>
                <c:pt idx="140">
                  <c:v>2.3396226415094339</c:v>
                </c:pt>
                <c:pt idx="141">
                  <c:v>2.3308270676691731</c:v>
                </c:pt>
                <c:pt idx="142">
                  <c:v>2.3220973782771535</c:v>
                </c:pt>
                <c:pt idx="143">
                  <c:v>2.3134328358208953</c:v>
                </c:pt>
                <c:pt idx="144">
                  <c:v>2.3048327137546467</c:v>
                </c:pt>
                <c:pt idx="145">
                  <c:v>2.2962962962962963</c:v>
                </c:pt>
                <c:pt idx="146">
                  <c:v>2.2878228782287824</c:v>
                </c:pt>
                <c:pt idx="147">
                  <c:v>2.2794117647058822</c:v>
                </c:pt>
                <c:pt idx="148">
                  <c:v>2.271062271062271</c:v>
                </c:pt>
                <c:pt idx="149">
                  <c:v>2.2627737226277373</c:v>
                </c:pt>
                <c:pt idx="150">
                  <c:v>2.2545454545454544</c:v>
                </c:pt>
                <c:pt idx="151">
                  <c:v>2.2463768115942031</c:v>
                </c:pt>
                <c:pt idx="152">
                  <c:v>2.2382671480144403</c:v>
                </c:pt>
                <c:pt idx="153">
                  <c:v>2.2302158273381294</c:v>
                </c:pt>
                <c:pt idx="154">
                  <c:v>2.2222222222222223</c:v>
                </c:pt>
                <c:pt idx="155">
                  <c:v>2.2142857142857144</c:v>
                </c:pt>
                <c:pt idx="156">
                  <c:v>2.2064056939501779</c:v>
                </c:pt>
                <c:pt idx="157">
                  <c:v>2.1985815602836878</c:v>
                </c:pt>
                <c:pt idx="158">
                  <c:v>2.1908127208480566</c:v>
                </c:pt>
                <c:pt idx="159">
                  <c:v>2.183098591549296</c:v>
                </c:pt>
                <c:pt idx="160">
                  <c:v>2.1754385964912282</c:v>
                </c:pt>
                <c:pt idx="161">
                  <c:v>2.1678321678321679</c:v>
                </c:pt>
                <c:pt idx="162">
                  <c:v>2.1602787456445993</c:v>
                </c:pt>
                <c:pt idx="163">
                  <c:v>2.1527777777777777</c:v>
                </c:pt>
                <c:pt idx="164">
                  <c:v>2.1453287197231834</c:v>
                </c:pt>
                <c:pt idx="165">
                  <c:v>2.1379310344827585</c:v>
                </c:pt>
                <c:pt idx="166">
                  <c:v>2.1305841924398625</c:v>
                </c:pt>
                <c:pt idx="167">
                  <c:v>2.1232876712328768</c:v>
                </c:pt>
                <c:pt idx="168">
                  <c:v>2.1160409556313993</c:v>
                </c:pt>
                <c:pt idx="169">
                  <c:v>2.1088435374149661</c:v>
                </c:pt>
                <c:pt idx="170">
                  <c:v>2.1016949152542375</c:v>
                </c:pt>
                <c:pt idx="171">
                  <c:v>2.0945945945945947</c:v>
                </c:pt>
                <c:pt idx="172">
                  <c:v>2.0875420875420874</c:v>
                </c:pt>
                <c:pt idx="173">
                  <c:v>2.0805369127516777</c:v>
                </c:pt>
                <c:pt idx="174">
                  <c:v>2.0735785953177257</c:v>
                </c:pt>
                <c:pt idx="175">
                  <c:v>2.0666666666666669</c:v>
                </c:pt>
                <c:pt idx="176">
                  <c:v>2.0598006644518274</c:v>
                </c:pt>
                <c:pt idx="177">
                  <c:v>2.052980132450331</c:v>
                </c:pt>
                <c:pt idx="178">
                  <c:v>2.0462046204620461</c:v>
                </c:pt>
                <c:pt idx="179">
                  <c:v>2.0394736842105261</c:v>
                </c:pt>
                <c:pt idx="180">
                  <c:v>2.0327868852459017</c:v>
                </c:pt>
                <c:pt idx="181">
                  <c:v>2.0261437908496731</c:v>
                </c:pt>
                <c:pt idx="182">
                  <c:v>2.0195439739413681</c:v>
                </c:pt>
                <c:pt idx="183">
                  <c:v>2.0129870129870131</c:v>
                </c:pt>
                <c:pt idx="184">
                  <c:v>2.0064724919093853</c:v>
                </c:pt>
                <c:pt idx="185">
                  <c:v>2</c:v>
                </c:pt>
                <c:pt idx="186">
                  <c:v>1.9935691318327975</c:v>
                </c:pt>
                <c:pt idx="187">
                  <c:v>1.9871794871794872</c:v>
                </c:pt>
                <c:pt idx="188">
                  <c:v>1.9808306709265175</c:v>
                </c:pt>
                <c:pt idx="189">
                  <c:v>1.9745222929936306</c:v>
                </c:pt>
                <c:pt idx="190">
                  <c:v>1.9682539682539681</c:v>
                </c:pt>
                <c:pt idx="191">
                  <c:v>1.9620253164556962</c:v>
                </c:pt>
                <c:pt idx="192">
                  <c:v>1.9558359621451105</c:v>
                </c:pt>
                <c:pt idx="193">
                  <c:v>1.949685534591195</c:v>
                </c:pt>
                <c:pt idx="194">
                  <c:v>1.9435736677115987</c:v>
                </c:pt>
                <c:pt idx="195">
                  <c:v>1.9375</c:v>
                </c:pt>
                <c:pt idx="196">
                  <c:v>1.9314641744548287</c:v>
                </c:pt>
                <c:pt idx="197">
                  <c:v>1.9254658385093169</c:v>
                </c:pt>
                <c:pt idx="198">
                  <c:v>1.9195046439628483</c:v>
                </c:pt>
                <c:pt idx="199">
                  <c:v>1.9135802469135803</c:v>
                </c:pt>
                <c:pt idx="200">
                  <c:v>1.9076923076923078</c:v>
                </c:pt>
                <c:pt idx="201">
                  <c:v>1.9018404907975459</c:v>
                </c:pt>
                <c:pt idx="202">
                  <c:v>1.8960244648318043</c:v>
                </c:pt>
                <c:pt idx="203">
                  <c:v>1.8902439024390243</c:v>
                </c:pt>
                <c:pt idx="204">
                  <c:v>1.884498480243161</c:v>
                </c:pt>
                <c:pt idx="205">
                  <c:v>1.8787878787878789</c:v>
                </c:pt>
                <c:pt idx="206">
                  <c:v>1.8731117824773413</c:v>
                </c:pt>
                <c:pt idx="207">
                  <c:v>1.8674698795180722</c:v>
                </c:pt>
                <c:pt idx="208">
                  <c:v>1.8618618618618619</c:v>
                </c:pt>
                <c:pt idx="209">
                  <c:v>1.8562874251497006</c:v>
                </c:pt>
                <c:pt idx="210">
                  <c:v>1.8507462686567164</c:v>
                </c:pt>
                <c:pt idx="211">
                  <c:v>1.8452380952380953</c:v>
                </c:pt>
                <c:pt idx="212">
                  <c:v>1.8397626112759644</c:v>
                </c:pt>
                <c:pt idx="213">
                  <c:v>1.834319526627219</c:v>
                </c:pt>
                <c:pt idx="214">
                  <c:v>1.8289085545722714</c:v>
                </c:pt>
                <c:pt idx="215">
                  <c:v>1.8235294117647058</c:v>
                </c:pt>
                <c:pt idx="216">
                  <c:v>1.8181818181818181</c:v>
                </c:pt>
                <c:pt idx="217">
                  <c:v>1.8128654970760234</c:v>
                </c:pt>
                <c:pt idx="218">
                  <c:v>1.8075801749271136</c:v>
                </c:pt>
                <c:pt idx="219">
                  <c:v>1.8023255813953489</c:v>
                </c:pt>
                <c:pt idx="220">
                  <c:v>1.7971014492753623</c:v>
                </c:pt>
                <c:pt idx="221">
                  <c:v>1.7919075144508672</c:v>
                </c:pt>
                <c:pt idx="222">
                  <c:v>1.7867435158501441</c:v>
                </c:pt>
                <c:pt idx="223">
                  <c:v>1.7816091954022988</c:v>
                </c:pt>
                <c:pt idx="224">
                  <c:v>1.7765042979942693</c:v>
                </c:pt>
                <c:pt idx="225">
                  <c:v>1.7714285714285714</c:v>
                </c:pt>
                <c:pt idx="226">
                  <c:v>1.7663817663817665</c:v>
                </c:pt>
                <c:pt idx="227">
                  <c:v>1.7613636363636365</c:v>
                </c:pt>
                <c:pt idx="228">
                  <c:v>1.7563739376770537</c:v>
                </c:pt>
                <c:pt idx="229">
                  <c:v>1.7514124293785311</c:v>
                </c:pt>
                <c:pt idx="230">
                  <c:v>1.7464788732394365</c:v>
                </c:pt>
                <c:pt idx="231">
                  <c:v>1.7415730337078652</c:v>
                </c:pt>
                <c:pt idx="232">
                  <c:v>1.7366946778711485</c:v>
                </c:pt>
                <c:pt idx="233">
                  <c:v>1.7318435754189945</c:v>
                </c:pt>
                <c:pt idx="234">
                  <c:v>1.7270194986072422</c:v>
                </c:pt>
                <c:pt idx="235">
                  <c:v>1.7222222222222223</c:v>
                </c:pt>
                <c:pt idx="236">
                  <c:v>1.7174515235457064</c:v>
                </c:pt>
                <c:pt idx="237">
                  <c:v>1.7127071823204421</c:v>
                </c:pt>
                <c:pt idx="238">
                  <c:v>1.7079889807162534</c:v>
                </c:pt>
                <c:pt idx="239">
                  <c:v>1.7032967032967032</c:v>
                </c:pt>
                <c:pt idx="240">
                  <c:v>1.6986301369863013</c:v>
                </c:pt>
                <c:pt idx="241">
                  <c:v>1.6939890710382515</c:v>
                </c:pt>
                <c:pt idx="242">
                  <c:v>1.6893732970027249</c:v>
                </c:pt>
                <c:pt idx="243">
                  <c:v>1.6847826086956521</c:v>
                </c:pt>
                <c:pt idx="244">
                  <c:v>1.6802168021680217</c:v>
                </c:pt>
                <c:pt idx="245">
                  <c:v>1.6756756756756757</c:v>
                </c:pt>
                <c:pt idx="246">
                  <c:v>1.6711590296495957</c:v>
                </c:pt>
                <c:pt idx="247">
                  <c:v>1.6666666666666667</c:v>
                </c:pt>
                <c:pt idx="248">
                  <c:v>1.6621983914209115</c:v>
                </c:pt>
                <c:pt idx="249">
                  <c:v>1.6577540106951871</c:v>
                </c:pt>
                <c:pt idx="250">
                  <c:v>1.6533333333333333</c:v>
                </c:pt>
                <c:pt idx="251">
                  <c:v>1.6489361702127661</c:v>
                </c:pt>
                <c:pt idx="252">
                  <c:v>1.6445623342175066</c:v>
                </c:pt>
                <c:pt idx="253">
                  <c:v>1.6402116402116402</c:v>
                </c:pt>
                <c:pt idx="254">
                  <c:v>1.6358839050131926</c:v>
                </c:pt>
                <c:pt idx="255">
                  <c:v>1.631578947368421</c:v>
                </c:pt>
                <c:pt idx="256">
                  <c:v>1.6272965879265091</c:v>
                </c:pt>
                <c:pt idx="257">
                  <c:v>1.6230366492146597</c:v>
                </c:pt>
                <c:pt idx="258">
                  <c:v>1.6187989556135771</c:v>
                </c:pt>
                <c:pt idx="259">
                  <c:v>1.6145833333333333</c:v>
                </c:pt>
                <c:pt idx="260">
                  <c:v>1.6103896103896105</c:v>
                </c:pt>
                <c:pt idx="261">
                  <c:v>1.6062176165803108</c:v>
                </c:pt>
                <c:pt idx="262">
                  <c:v>1.6020671834625324</c:v>
                </c:pt>
                <c:pt idx="263">
                  <c:v>1.597938144329897</c:v>
                </c:pt>
                <c:pt idx="264">
                  <c:v>1.5938303341902313</c:v>
                </c:pt>
                <c:pt idx="265">
                  <c:v>1.5897435897435896</c:v>
                </c:pt>
                <c:pt idx="266">
                  <c:v>1.5856777493606138</c:v>
                </c:pt>
                <c:pt idx="267">
                  <c:v>1.5816326530612246</c:v>
                </c:pt>
                <c:pt idx="268">
                  <c:v>1.5776081424936388</c:v>
                </c:pt>
                <c:pt idx="269">
                  <c:v>1.5736040609137056</c:v>
                </c:pt>
                <c:pt idx="270">
                  <c:v>1.5696202531645569</c:v>
                </c:pt>
                <c:pt idx="271">
                  <c:v>1.5656565656565657</c:v>
                </c:pt>
                <c:pt idx="272">
                  <c:v>1.5617128463476071</c:v>
                </c:pt>
                <c:pt idx="273">
                  <c:v>1.5577889447236182</c:v>
                </c:pt>
                <c:pt idx="274">
                  <c:v>1.5538847117794485</c:v>
                </c:pt>
                <c:pt idx="275">
                  <c:v>1.55</c:v>
                </c:pt>
                <c:pt idx="276">
                  <c:v>1.546134663341646</c:v>
                </c:pt>
                <c:pt idx="277">
                  <c:v>1.5422885572139304</c:v>
                </c:pt>
                <c:pt idx="278">
                  <c:v>1.5384615384615385</c:v>
                </c:pt>
                <c:pt idx="279">
                  <c:v>1.5346534653465347</c:v>
                </c:pt>
                <c:pt idx="280">
                  <c:v>1.5308641975308641</c:v>
                </c:pt>
                <c:pt idx="281">
                  <c:v>1.5270935960591132</c:v>
                </c:pt>
                <c:pt idx="282">
                  <c:v>1.5233415233415233</c:v>
                </c:pt>
                <c:pt idx="283">
                  <c:v>1.5196078431372548</c:v>
                </c:pt>
                <c:pt idx="284">
                  <c:v>1.5158924205378974</c:v>
                </c:pt>
                <c:pt idx="285">
                  <c:v>1.5121951219512195</c:v>
                </c:pt>
                <c:pt idx="286">
                  <c:v>1.5085158150851581</c:v>
                </c:pt>
                <c:pt idx="287">
                  <c:v>1.5048543689320388</c:v>
                </c:pt>
                <c:pt idx="288">
                  <c:v>1.5012106537530265</c:v>
                </c:pt>
                <c:pt idx="289">
                  <c:v>1.4975845410628019</c:v>
                </c:pt>
                <c:pt idx="290">
                  <c:v>1.4939759036144578</c:v>
                </c:pt>
                <c:pt idx="291">
                  <c:v>1.4903846153846154</c:v>
                </c:pt>
                <c:pt idx="292">
                  <c:v>1.4868105515587531</c:v>
                </c:pt>
                <c:pt idx="293">
                  <c:v>1.4832535885167464</c:v>
                </c:pt>
                <c:pt idx="294">
                  <c:v>1.4797136038186158</c:v>
                </c:pt>
                <c:pt idx="295">
                  <c:v>1.4761904761904763</c:v>
                </c:pt>
                <c:pt idx="296">
                  <c:v>1.4726840855106889</c:v>
                </c:pt>
                <c:pt idx="297">
                  <c:v>1.4691943127962086</c:v>
                </c:pt>
                <c:pt idx="298">
                  <c:v>1.4657210401891252</c:v>
                </c:pt>
                <c:pt idx="299">
                  <c:v>1.4622641509433962</c:v>
                </c:pt>
                <c:pt idx="300">
                  <c:v>1.4588235294117646</c:v>
                </c:pt>
                <c:pt idx="301">
                  <c:v>1.4553990610328638</c:v>
                </c:pt>
                <c:pt idx="302">
                  <c:v>1.4519906323185012</c:v>
                </c:pt>
                <c:pt idx="303">
                  <c:v>1.4485981308411215</c:v>
                </c:pt>
                <c:pt idx="304">
                  <c:v>1.4452214452214451</c:v>
                </c:pt>
                <c:pt idx="305">
                  <c:v>1.441860465116279</c:v>
                </c:pt>
                <c:pt idx="306">
                  <c:v>1.4385150812064966</c:v>
                </c:pt>
                <c:pt idx="307">
                  <c:v>1.4351851851851851</c:v>
                </c:pt>
                <c:pt idx="308">
                  <c:v>1.4318706697459584</c:v>
                </c:pt>
                <c:pt idx="309">
                  <c:v>1.4285714285714286</c:v>
                </c:pt>
                <c:pt idx="310">
                  <c:v>1.4252873563218391</c:v>
                </c:pt>
                <c:pt idx="311">
                  <c:v>1.4220183486238531</c:v>
                </c:pt>
                <c:pt idx="312">
                  <c:v>1.4187643020594967</c:v>
                </c:pt>
                <c:pt idx="313">
                  <c:v>1.4155251141552512</c:v>
                </c:pt>
                <c:pt idx="314">
                  <c:v>1.4123006833712983</c:v>
                </c:pt>
                <c:pt idx="315">
                  <c:v>1.4090909090909092</c:v>
                </c:pt>
                <c:pt idx="316">
                  <c:v>1.4058956916099774</c:v>
                </c:pt>
                <c:pt idx="317">
                  <c:v>1.4027149321266967</c:v>
                </c:pt>
                <c:pt idx="318">
                  <c:v>1.399548532731377</c:v>
                </c:pt>
                <c:pt idx="319">
                  <c:v>1.3963963963963963</c:v>
                </c:pt>
                <c:pt idx="320">
                  <c:v>1.3932584269662922</c:v>
                </c:pt>
                <c:pt idx="321">
                  <c:v>1.3901345291479821</c:v>
                </c:pt>
                <c:pt idx="322">
                  <c:v>1.3870246085011186</c:v>
                </c:pt>
                <c:pt idx="323">
                  <c:v>1.3839285714285714</c:v>
                </c:pt>
                <c:pt idx="324">
                  <c:v>1.3808463251670378</c:v>
                </c:pt>
                <c:pt idx="325">
                  <c:v>1.3777777777777778</c:v>
                </c:pt>
                <c:pt idx="326">
                  <c:v>1.3747228381374723</c:v>
                </c:pt>
                <c:pt idx="327">
                  <c:v>1.3716814159292035</c:v>
                </c:pt>
                <c:pt idx="328">
                  <c:v>1.3686534216335542</c:v>
                </c:pt>
                <c:pt idx="329">
                  <c:v>1.3656387665198237</c:v>
                </c:pt>
                <c:pt idx="330">
                  <c:v>1.3626373626373627</c:v>
                </c:pt>
                <c:pt idx="331">
                  <c:v>1.3596491228070176</c:v>
                </c:pt>
                <c:pt idx="332">
                  <c:v>1.3566739606126914</c:v>
                </c:pt>
                <c:pt idx="333">
                  <c:v>1.3537117903930131</c:v>
                </c:pt>
                <c:pt idx="334">
                  <c:v>1.3507625272331154</c:v>
                </c:pt>
                <c:pt idx="335">
                  <c:v>1.3478260869565217</c:v>
                </c:pt>
                <c:pt idx="336">
                  <c:v>1.3449023861171367</c:v>
                </c:pt>
                <c:pt idx="337">
                  <c:v>1.3419913419913421</c:v>
                </c:pt>
                <c:pt idx="338">
                  <c:v>1.3390928725701945</c:v>
                </c:pt>
                <c:pt idx="339">
                  <c:v>1.3362068965517242</c:v>
                </c:pt>
                <c:pt idx="340">
                  <c:v>1.3333333333333333</c:v>
                </c:pt>
                <c:pt idx="341">
                  <c:v>1.3304721030042919</c:v>
                </c:pt>
                <c:pt idx="342">
                  <c:v>1.3276231263383298</c:v>
                </c:pt>
                <c:pt idx="343">
                  <c:v>1.3247863247863247</c:v>
                </c:pt>
                <c:pt idx="344">
                  <c:v>1.3219616204690832</c:v>
                </c:pt>
                <c:pt idx="345">
                  <c:v>1.3191489361702127</c:v>
                </c:pt>
                <c:pt idx="346">
                  <c:v>1.316348195329087</c:v>
                </c:pt>
                <c:pt idx="347">
                  <c:v>1.3135593220338984</c:v>
                </c:pt>
                <c:pt idx="348">
                  <c:v>1.3107822410147991</c:v>
                </c:pt>
                <c:pt idx="349">
                  <c:v>1.3080168776371308</c:v>
                </c:pt>
                <c:pt idx="350">
                  <c:v>1.3052631578947369</c:v>
                </c:pt>
                <c:pt idx="351">
                  <c:v>1.3025210084033614</c:v>
                </c:pt>
                <c:pt idx="352">
                  <c:v>1.29979035639413</c:v>
                </c:pt>
                <c:pt idx="353">
                  <c:v>1.2970711297071129</c:v>
                </c:pt>
                <c:pt idx="354">
                  <c:v>1.2943632567849688</c:v>
                </c:pt>
                <c:pt idx="355">
                  <c:v>1.2916666666666667</c:v>
                </c:pt>
                <c:pt idx="356">
                  <c:v>1.2889812889812891</c:v>
                </c:pt>
                <c:pt idx="357">
                  <c:v>1.2863070539419088</c:v>
                </c:pt>
                <c:pt idx="358">
                  <c:v>1.2836438923395446</c:v>
                </c:pt>
                <c:pt idx="359">
                  <c:v>1.28099173553719</c:v>
                </c:pt>
                <c:pt idx="360">
                  <c:v>1.2783505154639174</c:v>
                </c:pt>
                <c:pt idx="361">
                  <c:v>1.2757201646090535</c:v>
                </c:pt>
                <c:pt idx="362">
                  <c:v>1.2731006160164271</c:v>
                </c:pt>
                <c:pt idx="363">
                  <c:v>1.2704918032786885</c:v>
                </c:pt>
                <c:pt idx="364">
                  <c:v>1.2678936605316973</c:v>
                </c:pt>
                <c:pt idx="365">
                  <c:v>1.2653061224489797</c:v>
                </c:pt>
                <c:pt idx="366">
                  <c:v>1.2627291242362526</c:v>
                </c:pt>
                <c:pt idx="367">
                  <c:v>1.2601626016260163</c:v>
                </c:pt>
                <c:pt idx="368">
                  <c:v>1.2576064908722109</c:v>
                </c:pt>
                <c:pt idx="369">
                  <c:v>1.2550607287449393</c:v>
                </c:pt>
                <c:pt idx="370">
                  <c:v>1.2525252525252526</c:v>
                </c:pt>
                <c:pt idx="371">
                  <c:v>1.25</c:v>
                </c:pt>
                <c:pt idx="372">
                  <c:v>1.2474849094567404</c:v>
                </c:pt>
                <c:pt idx="373">
                  <c:v>1.2449799196787148</c:v>
                </c:pt>
                <c:pt idx="374">
                  <c:v>1.2424849699398797</c:v>
                </c:pt>
                <c:pt idx="375">
                  <c:v>1.24</c:v>
                </c:pt>
                <c:pt idx="376">
                  <c:v>1.2375249500998005</c:v>
                </c:pt>
                <c:pt idx="377">
                  <c:v>1.2350597609561753</c:v>
                </c:pt>
                <c:pt idx="378">
                  <c:v>1.2326043737574552</c:v>
                </c:pt>
                <c:pt idx="379">
                  <c:v>1.2301587301587302</c:v>
                </c:pt>
                <c:pt idx="380">
                  <c:v>1.2277227722772277</c:v>
                </c:pt>
                <c:pt idx="381">
                  <c:v>1.2252964426877471</c:v>
                </c:pt>
                <c:pt idx="382">
                  <c:v>1.222879684418146</c:v>
                </c:pt>
                <c:pt idx="383">
                  <c:v>1.2204724409448819</c:v>
                </c:pt>
                <c:pt idx="384">
                  <c:v>1.2180746561886051</c:v>
                </c:pt>
                <c:pt idx="385">
                  <c:v>1.2156862745098038</c:v>
                </c:pt>
                <c:pt idx="386">
                  <c:v>1.2133072407045009</c:v>
                </c:pt>
                <c:pt idx="387">
                  <c:v>1.2109375</c:v>
                </c:pt>
                <c:pt idx="388">
                  <c:v>1.2085769980506822</c:v>
                </c:pt>
                <c:pt idx="389">
                  <c:v>1.2062256809338521</c:v>
                </c:pt>
                <c:pt idx="390">
                  <c:v>1.203883495145631</c:v>
                </c:pt>
                <c:pt idx="391">
                  <c:v>1.2015503875968991</c:v>
                </c:pt>
                <c:pt idx="392">
                  <c:v>1.1992263056092842</c:v>
                </c:pt>
                <c:pt idx="393">
                  <c:v>1.196911196911197</c:v>
                </c:pt>
                <c:pt idx="394">
                  <c:v>1.1946050096339114</c:v>
                </c:pt>
                <c:pt idx="395">
                  <c:v>1.1923076923076923</c:v>
                </c:pt>
                <c:pt idx="396">
                  <c:v>1.1900191938579654</c:v>
                </c:pt>
                <c:pt idx="397">
                  <c:v>1.1877394636015326</c:v>
                </c:pt>
                <c:pt idx="398">
                  <c:v>1.1854684512428297</c:v>
                </c:pt>
                <c:pt idx="399">
                  <c:v>1.1832061068702291</c:v>
                </c:pt>
                <c:pt idx="400">
                  <c:v>1.180952380952381</c:v>
                </c:pt>
              </c:numCache>
            </c:numRef>
          </c:xVal>
          <c:yVal>
            <c:numRef>
              <c:f>S!$P$2:$P$1272</c:f>
              <c:numCache>
                <c:formatCode>General</c:formatCode>
                <c:ptCount val="1271"/>
                <c:pt idx="0">
                  <c:v>6.1055904691804814</c:v>
                </c:pt>
                <c:pt idx="1">
                  <c:v>6.1709634518560419</c:v>
                </c:pt>
                <c:pt idx="2">
                  <c:v>5.0097318958679935</c:v>
                </c:pt>
                <c:pt idx="3">
                  <c:v>6.7914965489216677</c:v>
                </c:pt>
                <c:pt idx="4">
                  <c:v>6.868601996184335</c:v>
                </c:pt>
                <c:pt idx="5">
                  <c:v>5.5220260142193442</c:v>
                </c:pt>
                <c:pt idx="6">
                  <c:v>6.187996899274494</c:v>
                </c:pt>
                <c:pt idx="7">
                  <c:v>6.1933764906311994</c:v>
                </c:pt>
                <c:pt idx="8">
                  <c:v>6.0483697220455843</c:v>
                </c:pt>
                <c:pt idx="9">
                  <c:v>4.9073682362686801</c:v>
                </c:pt>
                <c:pt idx="10">
                  <c:v>4.6711030111989782</c:v>
                </c:pt>
                <c:pt idx="11">
                  <c:v>5.017647634787977</c:v>
                </c:pt>
                <c:pt idx="12">
                  <c:v>5.1697791238119093</c:v>
                </c:pt>
                <c:pt idx="13">
                  <c:v>5.6051218936895246</c:v>
                </c:pt>
                <c:pt idx="14">
                  <c:v>5.301499754877038</c:v>
                </c:pt>
                <c:pt idx="15">
                  <c:v>5.661160531716221</c:v>
                </c:pt>
                <c:pt idx="16">
                  <c:v>6.2018955510318552</c:v>
                </c:pt>
                <c:pt idx="17">
                  <c:v>5.8463142108500312</c:v>
                </c:pt>
                <c:pt idx="18">
                  <c:v>5.9268349617332046</c:v>
                </c:pt>
                <c:pt idx="19">
                  <c:v>5.4085165529733317</c:v>
                </c:pt>
                <c:pt idx="20">
                  <c:v>4.9637788724639993</c:v>
                </c:pt>
                <c:pt idx="21">
                  <c:v>5.1527078619208897</c:v>
                </c:pt>
                <c:pt idx="22">
                  <c:v>5.1551324084027774</c:v>
                </c:pt>
                <c:pt idx="23">
                  <c:v>5.022917943170496</c:v>
                </c:pt>
                <c:pt idx="24">
                  <c:v>5.0942188145554379</c:v>
                </c:pt>
                <c:pt idx="25">
                  <c:v>4.9259385221584555</c:v>
                </c:pt>
                <c:pt idx="26">
                  <c:v>4.526707122154729</c:v>
                </c:pt>
                <c:pt idx="27">
                  <c:v>5.0466796012299984</c:v>
                </c:pt>
                <c:pt idx="28">
                  <c:v>4.7614153130902492</c:v>
                </c:pt>
                <c:pt idx="29">
                  <c:v>4.7528240142420195</c:v>
                </c:pt>
                <c:pt idx="30">
                  <c:v>4.9282703061164117</c:v>
                </c:pt>
                <c:pt idx="31">
                  <c:v>4.3661015427343095</c:v>
                </c:pt>
                <c:pt idx="32">
                  <c:v>4.9701612075690269</c:v>
                </c:pt>
                <c:pt idx="33">
                  <c:v>4.0335662603544478</c:v>
                </c:pt>
                <c:pt idx="34">
                  <c:v>4.1666395684613136</c:v>
                </c:pt>
                <c:pt idx="35">
                  <c:v>3.8453603802956469</c:v>
                </c:pt>
                <c:pt idx="36">
                  <c:v>4.382654103074791</c:v>
                </c:pt>
                <c:pt idx="37">
                  <c:v>3.8915504813175201</c:v>
                </c:pt>
                <c:pt idx="38">
                  <c:v>3.8394295607689117</c:v>
                </c:pt>
                <c:pt idx="39">
                  <c:v>3.7371793225587648</c:v>
                </c:pt>
                <c:pt idx="40">
                  <c:v>3.6028599582226604</c:v>
                </c:pt>
                <c:pt idx="41">
                  <c:v>3.4704640984530717</c:v>
                </c:pt>
                <c:pt idx="42">
                  <c:v>3.5827893440229874</c:v>
                </c:pt>
                <c:pt idx="43">
                  <c:v>3.5867070701567103</c:v>
                </c:pt>
                <c:pt idx="44">
                  <c:v>3.2554250484926799</c:v>
                </c:pt>
                <c:pt idx="45">
                  <c:v>3.2709826978695711</c:v>
                </c:pt>
                <c:pt idx="46">
                  <c:v>3.1679759698667147</c:v>
                </c:pt>
                <c:pt idx="47">
                  <c:v>3.1003965966541811</c:v>
                </c:pt>
                <c:pt idx="48">
                  <c:v>2.9984783073845369</c:v>
                </c:pt>
                <c:pt idx="49">
                  <c:v>2.9362932537454767</c:v>
                </c:pt>
                <c:pt idx="50">
                  <c:v>2.915649534167204</c:v>
                </c:pt>
                <c:pt idx="51">
                  <c:v>2.8231125377887785</c:v>
                </c:pt>
                <c:pt idx="52">
                  <c:v>2.8019535041942771</c:v>
                </c:pt>
                <c:pt idx="53">
                  <c:v>2.7477672768426209</c:v>
                </c:pt>
                <c:pt idx="54">
                  <c:v>2.6792224065724985</c:v>
                </c:pt>
                <c:pt idx="55">
                  <c:v>2.6274954437994258</c:v>
                </c:pt>
                <c:pt idx="56">
                  <c:v>2.5651854787225474</c:v>
                </c:pt>
                <c:pt idx="57">
                  <c:v>2.5816629635667701</c:v>
                </c:pt>
                <c:pt idx="58">
                  <c:v>2.4883245254992312</c:v>
                </c:pt>
                <c:pt idx="59">
                  <c:v>2.4405700980640384</c:v>
                </c:pt>
                <c:pt idx="60">
                  <c:v>2.3702765295000581</c:v>
                </c:pt>
                <c:pt idx="61">
                  <c:v>2.3247936817602048</c:v>
                </c:pt>
                <c:pt idx="62">
                  <c:v>2.2969497077094436</c:v>
                </c:pt>
                <c:pt idx="63">
                  <c:v>2.2560375974935072</c:v>
                </c:pt>
                <c:pt idx="64">
                  <c:v>2.1996729200671807</c:v>
                </c:pt>
                <c:pt idx="65">
                  <c:v>2.1678352007058193</c:v>
                </c:pt>
                <c:pt idx="66">
                  <c:v>2.1064723533006728</c:v>
                </c:pt>
                <c:pt idx="67">
                  <c:v>2.0382253406580344</c:v>
                </c:pt>
                <c:pt idx="68">
                  <c:v>2.0116320942708756</c:v>
                </c:pt>
                <c:pt idx="69">
                  <c:v>1.9705027708212499</c:v>
                </c:pt>
                <c:pt idx="70">
                  <c:v>1.9168511242259481</c:v>
                </c:pt>
                <c:pt idx="71">
                  <c:v>1.8815302073619293</c:v>
                </c:pt>
                <c:pt idx="72">
                  <c:v>1.8378300406082355</c:v>
                </c:pt>
                <c:pt idx="73">
                  <c:v>1.802712912689499</c:v>
                </c:pt>
                <c:pt idx="74">
                  <c:v>1.7670271693463522</c:v>
                </c:pt>
                <c:pt idx="75">
                  <c:v>1.7382366915176075</c:v>
                </c:pt>
                <c:pt idx="76">
                  <c:v>1.7038597179284087</c:v>
                </c:pt>
                <c:pt idx="77">
                  <c:v>1.6749727765450177</c:v>
                </c:pt>
                <c:pt idx="78">
                  <c:v>1.639495849241045</c:v>
                </c:pt>
                <c:pt idx="79">
                  <c:v>1.6140877636118687</c:v>
                </c:pt>
                <c:pt idx="80">
                  <c:v>1.5845052254543628</c:v>
                </c:pt>
                <c:pt idx="81">
                  <c:v>1.5588937860308405</c:v>
                </c:pt>
                <c:pt idx="82">
                  <c:v>1.531488231932411</c:v>
                </c:pt>
                <c:pt idx="83">
                  <c:v>1.5090207692317936</c:v>
                </c:pt>
                <c:pt idx="84">
                  <c:v>1.4836453117218986</c:v>
                </c:pt>
                <c:pt idx="85">
                  <c:v>1.4630489746560789</c:v>
                </c:pt>
                <c:pt idx="86">
                  <c:v>1.4374471140085949</c:v>
                </c:pt>
                <c:pt idx="87">
                  <c:v>1.4239182752486796</c:v>
                </c:pt>
                <c:pt idx="88">
                  <c:v>1.4001230890676735</c:v>
                </c:pt>
                <c:pt idx="89">
                  <c:v>1.3798400636393799</c:v>
                </c:pt>
                <c:pt idx="90">
                  <c:v>1.3588728127026277</c:v>
                </c:pt>
                <c:pt idx="91">
                  <c:v>1.3422858677056404</c:v>
                </c:pt>
                <c:pt idx="92">
                  <c:v>1.3249554808189055</c:v>
                </c:pt>
                <c:pt idx="93">
                  <c:v>1.3029717759052679</c:v>
                </c:pt>
                <c:pt idx="94">
                  <c:v>1.284285194394067</c:v>
                </c:pt>
                <c:pt idx="95">
                  <c:v>1.2716732029329678</c:v>
                </c:pt>
                <c:pt idx="96">
                  <c:v>1.2535194382270727</c:v>
                </c:pt>
                <c:pt idx="97">
                  <c:v>1.235657972809374</c:v>
                </c:pt>
                <c:pt idx="98">
                  <c:v>1.218083150081879</c:v>
                </c:pt>
                <c:pt idx="99">
                  <c:v>1.2035482941621582</c:v>
                </c:pt>
                <c:pt idx="100">
                  <c:v>1.185589152060023</c:v>
                </c:pt>
                <c:pt idx="101">
                  <c:v>1.168820728834296</c:v>
                </c:pt>
                <c:pt idx="102">
                  <c:v>1.1540954820853904</c:v>
                </c:pt>
                <c:pt idx="103">
                  <c:v>1.1387120415092862</c:v>
                </c:pt>
                <c:pt idx="104">
                  <c:v>1.1226953572939644</c:v>
                </c:pt>
                <c:pt idx="105">
                  <c:v>1.1060706638626758</c:v>
                </c:pt>
                <c:pt idx="106">
                  <c:v>1.0897123090860268</c:v>
                </c:pt>
                <c:pt idx="107">
                  <c:v>1.0736152729686479</c:v>
                </c:pt>
                <c:pt idx="108">
                  <c:v>1.0586041131377864</c:v>
                </c:pt>
                <c:pt idx="109">
                  <c:v>1.0446460413270231</c:v>
                </c:pt>
                <c:pt idx="110">
                  <c:v>1.0276538483279776</c:v>
                </c:pt>
                <c:pt idx="111">
                  <c:v>1.0133459399120792</c:v>
                </c:pt>
                <c:pt idx="112">
                  <c:v>0.99846553468983656</c:v>
                </c:pt>
                <c:pt idx="113">
                  <c:v>0.98303602835223225</c:v>
                </c:pt>
                <c:pt idx="114">
                  <c:v>0.96785428320811273</c:v>
                </c:pt>
                <c:pt idx="115">
                  <c:v>0.95291572537211455</c:v>
                </c:pt>
                <c:pt idx="116">
                  <c:v>0.93821588128464373</c:v>
                </c:pt>
                <c:pt idx="117">
                  <c:v>0.92449668928539297</c:v>
                </c:pt>
                <c:pt idx="118">
                  <c:v>0.91025242070631163</c:v>
                </c:pt>
                <c:pt idx="119">
                  <c:v>0.89404864908719928</c:v>
                </c:pt>
                <c:pt idx="120">
                  <c:v>0.88099762421717442</c:v>
                </c:pt>
                <c:pt idx="121">
                  <c:v>0.86672488777452172</c:v>
                </c:pt>
                <c:pt idx="122">
                  <c:v>0.85408819601806019</c:v>
                </c:pt>
                <c:pt idx="123">
                  <c:v>0.84095023499634791</c:v>
                </c:pt>
                <c:pt idx="124">
                  <c:v>0.82733196774240891</c:v>
                </c:pt>
                <c:pt idx="125">
                  <c:v>0.81393248458048872</c:v>
                </c:pt>
                <c:pt idx="126">
                  <c:v>0.80074786298734524</c:v>
                </c:pt>
                <c:pt idx="127">
                  <c:v>0.78843611947950332</c:v>
                </c:pt>
                <c:pt idx="128">
                  <c:v>0.77631595706765355</c:v>
                </c:pt>
                <c:pt idx="129">
                  <c:v>0.76309117728013276</c:v>
                </c:pt>
                <c:pt idx="130">
                  <c:v>0.75135913777508978</c:v>
                </c:pt>
                <c:pt idx="131">
                  <c:v>0.73980857884829354</c:v>
                </c:pt>
                <c:pt idx="132">
                  <c:v>0.72781254286282637</c:v>
                </c:pt>
                <c:pt idx="133">
                  <c:v>0.71600641697003731</c:v>
                </c:pt>
                <c:pt idx="134">
                  <c:v>0.70499581929055455</c:v>
                </c:pt>
                <c:pt idx="135">
                  <c:v>0.69415425321926283</c:v>
                </c:pt>
                <c:pt idx="136">
                  <c:v>0.68228911712293649</c:v>
                </c:pt>
                <c:pt idx="137">
                  <c:v>0.6717906399281387</c:v>
                </c:pt>
                <c:pt idx="138">
                  <c:v>0.6608716127930464</c:v>
                </c:pt>
                <c:pt idx="139">
                  <c:v>0.65069769085866935</c:v>
                </c:pt>
                <c:pt idx="140">
                  <c:v>0.6401112342270443</c:v>
                </c:pt>
                <c:pt idx="141">
                  <c:v>0.63025082024854029</c:v>
                </c:pt>
                <c:pt idx="142">
                  <c:v>0.61998576866651756</c:v>
                </c:pt>
                <c:pt idx="143">
                  <c:v>0.61042825536710354</c:v>
                </c:pt>
                <c:pt idx="144">
                  <c:v>0.60101521694922311</c:v>
                </c:pt>
                <c:pt idx="145">
                  <c:v>0.59174423543203081</c:v>
                </c:pt>
                <c:pt idx="146">
                  <c:v>0.58208389356508095</c:v>
                </c:pt>
                <c:pt idx="147">
                  <c:v>0.57309599121098254</c:v>
                </c:pt>
                <c:pt idx="148">
                  <c:v>0.56476016055401657</c:v>
                </c:pt>
                <c:pt idx="149">
                  <c:v>0.55552298516307552</c:v>
                </c:pt>
                <c:pt idx="150">
                  <c:v>0.54693345941173566</c:v>
                </c:pt>
                <c:pt idx="151">
                  <c:v>0.53897200156575831</c:v>
                </c:pt>
                <c:pt idx="152">
                  <c:v>0.53013762701586875</c:v>
                </c:pt>
                <c:pt idx="153">
                  <c:v>0.52241550291501204</c:v>
                </c:pt>
                <c:pt idx="154">
                  <c:v>0.51432173686134164</c:v>
                </c:pt>
                <c:pt idx="155">
                  <c:v>0.50682587109297517</c:v>
                </c:pt>
                <c:pt idx="156">
                  <c:v>0.49896540247649851</c:v>
                </c:pt>
                <c:pt idx="157">
                  <c:v>0.49168851353421233</c:v>
                </c:pt>
                <c:pt idx="158">
                  <c:v>0.4840539457487284</c:v>
                </c:pt>
                <c:pt idx="159">
                  <c:v>0.47698902619892092</c:v>
                </c:pt>
                <c:pt idx="160">
                  <c:v>0.46957323813349361</c:v>
                </c:pt>
                <c:pt idx="161">
                  <c:v>0.46271354264396336</c:v>
                </c:pt>
                <c:pt idx="162">
                  <c:v>0.45595159733806823</c:v>
                </c:pt>
                <c:pt idx="163">
                  <c:v>0.44928586550557176</c:v>
                </c:pt>
                <c:pt idx="164">
                  <c:v>0.44271483885693524</c:v>
                </c:pt>
                <c:pt idx="165">
                  <c:v>0.43623703691042942</c:v>
                </c:pt>
                <c:pt idx="166">
                  <c:v>0.4298510063944127</c:v>
                </c:pt>
                <c:pt idx="167">
                  <c:v>0.42355532066434259</c:v>
                </c:pt>
                <c:pt idx="168">
                  <c:v>0.41734857913411777</c:v>
                </c:pt>
                <c:pt idx="169">
                  <c:v>0.41122940672134695</c:v>
                </c:pt>
                <c:pt idx="170">
                  <c:v>0.40560195385953501</c:v>
                </c:pt>
                <c:pt idx="171">
                  <c:v>0.39964954705201777</c:v>
                </c:pt>
                <c:pt idx="172">
                  <c:v>0.39417783751143404</c:v>
                </c:pt>
                <c:pt idx="173">
                  <c:v>0.38838718300450098</c:v>
                </c:pt>
                <c:pt idx="174">
                  <c:v>0.38306648329822984</c:v>
                </c:pt>
                <c:pt idx="175">
                  <c:v>0.37743274504925278</c:v>
                </c:pt>
                <c:pt idx="176">
                  <c:v>0.37225848994517602</c:v>
                </c:pt>
                <c:pt idx="177">
                  <c:v>0.36715385980449189</c:v>
                </c:pt>
                <c:pt idx="178">
                  <c:v>0.36211781634361268</c:v>
                </c:pt>
                <c:pt idx="179">
                  <c:v>0.35678009752577972</c:v>
                </c:pt>
                <c:pt idx="180">
                  <c:v>0.35188193048429028</c:v>
                </c:pt>
                <c:pt idx="181">
                  <c:v>0.34704930221982588</c:v>
                </c:pt>
                <c:pt idx="182">
                  <c:v>0.34228124575333413</c:v>
                </c:pt>
                <c:pt idx="183">
                  <c:v>0.33757681089087738</c:v>
                </c:pt>
                <c:pt idx="184">
                  <c:v>0.33328598355792904</c:v>
                </c:pt>
                <c:pt idx="185">
                  <c:v>0.32870246087562321</c:v>
                </c:pt>
                <c:pt idx="186">
                  <c:v>0.32417984484440848</c:v>
                </c:pt>
                <c:pt idx="187">
                  <c:v>0.32005782617871187</c:v>
                </c:pt>
                <c:pt idx="188">
                  <c:v>0.315650944189445</c:v>
                </c:pt>
                <c:pt idx="189">
                  <c:v>0.31163631600198372</c:v>
                </c:pt>
                <c:pt idx="190">
                  <c:v>0.30734188530101647</c:v>
                </c:pt>
                <c:pt idx="191">
                  <c:v>0.30343156178016911</c:v>
                </c:pt>
                <c:pt idx="192">
                  <c:v>0.29924640932130803</c:v>
                </c:pt>
                <c:pt idx="193">
                  <c:v>0.29543740846196231</c:v>
                </c:pt>
                <c:pt idx="194">
                  <c:v>0.29167645675166959</c:v>
                </c:pt>
                <c:pt idx="195">
                  <c:v>0.28796287786021935</c:v>
                </c:pt>
                <c:pt idx="196">
                  <c:v>0.28429600669099558</c:v>
                </c:pt>
                <c:pt idx="197">
                  <c:v>0.28067518916311029</c:v>
                </c:pt>
                <c:pt idx="198">
                  <c:v>0.27709978199838575</c:v>
                </c:pt>
                <c:pt idx="199">
                  <c:v>0.27356915251306857</c:v>
                </c:pt>
                <c:pt idx="200">
                  <c:v>0.27008267841415196</c:v>
                </c:pt>
                <c:pt idx="201">
                  <c:v>0.26693741963685924</c:v>
                </c:pt>
                <c:pt idx="202">
                  <c:v>0.26353462185600651</c:v>
                </c:pt>
                <c:pt idx="203">
                  <c:v>0.26017420161674226</c:v>
                </c:pt>
                <c:pt idx="204">
                  <c:v>0.25685557587430741</c:v>
                </c:pt>
                <c:pt idx="205">
                  <c:v>0.25386494303829182</c:v>
                </c:pt>
                <c:pt idx="206">
                  <c:v>0.25062549808943346</c:v>
                </c:pt>
                <c:pt idx="207">
                  <c:v>0.24770774773517046</c:v>
                </c:pt>
                <c:pt idx="208">
                  <c:v>0.24454536972557264</c:v>
                </c:pt>
                <c:pt idx="209">
                  <c:v>0.24169852607847173</c:v>
                </c:pt>
                <c:pt idx="210">
                  <c:v>0.23888519728934193</c:v>
                </c:pt>
                <c:pt idx="211">
                  <c:v>0.23583331795117332</c:v>
                </c:pt>
                <c:pt idx="212">
                  <c:v>0.23308807364270179</c:v>
                </c:pt>
                <c:pt idx="213">
                  <c:v>0.23037500285805632</c:v>
                </c:pt>
                <c:pt idx="214">
                  <c:v>0.22769368032282186</c:v>
                </c:pt>
                <c:pt idx="215">
                  <c:v>0.22504368741451264</c:v>
                </c:pt>
                <c:pt idx="216">
                  <c:v>0.22242461204093306</c:v>
                </c:pt>
                <c:pt idx="217">
                  <c:v>0.21983604852109417</c:v>
                </c:pt>
                <c:pt idx="218">
                  <c:v>0.21702235214854571</c:v>
                </c:pt>
                <c:pt idx="219">
                  <c:v>0.214748865677618</c:v>
                </c:pt>
                <c:pt idx="220">
                  <c:v>0.21224946601085823</c:v>
                </c:pt>
                <c:pt idx="221">
                  <c:v>0.20977901729036771</c:v>
                </c:pt>
                <c:pt idx="222">
                  <c:v>0.2073371441902212</c:v>
                </c:pt>
                <c:pt idx="223">
                  <c:v>0.20492347713157658</c:v>
                </c:pt>
                <c:pt idx="224">
                  <c:v>0.20277999454788098</c:v>
                </c:pt>
                <c:pt idx="225">
                  <c:v>0.20041955011954576</c:v>
                </c:pt>
                <c:pt idx="226">
                  <c:v>0.19808625646088643</c:v>
                </c:pt>
                <c:pt idx="227">
                  <c:v>0.19601600072558306</c:v>
                </c:pt>
                <c:pt idx="228">
                  <c:v>0.19373392564318592</c:v>
                </c:pt>
                <c:pt idx="229">
                  <c:v>0.19171029850392085</c:v>
                </c:pt>
                <c:pt idx="230">
                  <c:v>0.18947816820362806</c:v>
                </c:pt>
                <c:pt idx="231">
                  <c:v>0.18727153884675662</c:v>
                </c:pt>
                <c:pt idx="232">
                  <c:v>0.18531656666124574</c:v>
                </c:pt>
                <c:pt idx="233">
                  <c:v>0.18338268813095682</c:v>
                </c:pt>
                <c:pt idx="234">
                  <c:v>0.18124677501037695</c:v>
                </c:pt>
                <c:pt idx="235">
                  <c:v>0.17935608566743722</c:v>
                </c:pt>
                <c:pt idx="236">
                  <c:v>0.17748570203549396</c:v>
                </c:pt>
                <c:pt idx="237">
                  <c:v>0.17563537458804393</c:v>
                </c:pt>
                <c:pt idx="238">
                  <c:v>0.17358915177460962</c:v>
                </c:pt>
                <c:pt idx="239">
                  <c:v>0.17199390829045774</c:v>
                </c:pt>
                <c:pt idx="240">
                  <c:v>0.16998999989285873</c:v>
                </c:pt>
                <c:pt idx="241">
                  <c:v>0.16821915930316897</c:v>
                </c:pt>
                <c:pt idx="242">
                  <c:v>0.16646716548184912</c:v>
                </c:pt>
                <c:pt idx="243">
                  <c:v>0.16473379001974925</c:v>
                </c:pt>
                <c:pt idx="244">
                  <c:v>0.1630188077919856</c:v>
                </c:pt>
                <c:pt idx="245">
                  <c:v>0.16152600825996899</c:v>
                </c:pt>
                <c:pt idx="246">
                  <c:v>0.15984553878611946</c:v>
                </c:pt>
                <c:pt idx="247">
                  <c:v>0.15818282068310682</c:v>
                </c:pt>
                <c:pt idx="248">
                  <c:v>0.15653764125985323</c:v>
                </c:pt>
                <c:pt idx="249">
                  <c:v>0.15490979084584536</c:v>
                </c:pt>
                <c:pt idx="250">
                  <c:v>0.15329906274094279</c:v>
                </c:pt>
                <c:pt idx="251">
                  <c:v>0.15189993425380888</c:v>
                </c:pt>
                <c:pt idx="252">
                  <c:v>0.15032131418499101</c:v>
                </c:pt>
                <c:pt idx="253">
                  <c:v>0.14875922708358505</c:v>
                </c:pt>
                <c:pt idx="254">
                  <c:v>0.14740373722438532</c:v>
                </c:pt>
                <c:pt idx="255">
                  <c:v>0.14587264350831577</c:v>
                </c:pt>
                <c:pt idx="256">
                  <c:v>0.14435751756073556</c:v>
                </c:pt>
                <c:pt idx="257">
                  <c:v>0.14304412455515539</c:v>
                </c:pt>
                <c:pt idx="258">
                  <c:v>0.14155892316915461</c:v>
                </c:pt>
                <c:pt idx="259">
                  <c:v>0.14027233025151917</c:v>
                </c:pt>
                <c:pt idx="260">
                  <c:v>0.13881637337751479</c:v>
                </c:pt>
                <c:pt idx="261">
                  <c:v>0.13755595731795081</c:v>
                </c:pt>
                <c:pt idx="262">
                  <c:v>0.13630775880191376</c:v>
                </c:pt>
                <c:pt idx="263">
                  <c:v>0.13489373799366713</c:v>
                </c:pt>
                <c:pt idx="264">
                  <c:v>0.13367082445815459</c:v>
                </c:pt>
                <c:pt idx="265">
                  <c:v>0.13245970809954863</c:v>
                </c:pt>
                <c:pt idx="266">
                  <c:v>0.13108622861347619</c:v>
                </c:pt>
                <c:pt idx="267">
                  <c:v>0.12989954130193898</c:v>
                </c:pt>
                <c:pt idx="268">
                  <c:v>0.12872424781889563</c:v>
                </c:pt>
                <c:pt idx="269">
                  <c:v>0.12738997021500692</c:v>
                </c:pt>
                <c:pt idx="270">
                  <c:v>0.12623828410134041</c:v>
                </c:pt>
                <c:pt idx="271">
                  <c:v>0.12509760468524658</c:v>
                </c:pt>
                <c:pt idx="272">
                  <c:v>0.12396780967157181</c:v>
                </c:pt>
                <c:pt idx="273">
                  <c:v>0.12284877838644893</c:v>
                </c:pt>
                <c:pt idx="274">
                  <c:v>0.12174039175207754</c:v>
                </c:pt>
                <c:pt idx="275">
                  <c:v>0.12047944673512502</c:v>
                </c:pt>
                <c:pt idx="276">
                  <c:v>0.11955508395656032</c:v>
                </c:pt>
                <c:pt idx="277">
                  <c:v>0.11831712083684058</c:v>
                </c:pt>
                <c:pt idx="278">
                  <c:v>0.11725127617901662</c:v>
                </c:pt>
                <c:pt idx="279">
                  <c:v>0.11619549473699997</c:v>
                </c:pt>
                <c:pt idx="280">
                  <c:v>0.11514966659854062</c:v>
                </c:pt>
                <c:pt idx="281">
                  <c:v>0.11427005693025187</c:v>
                </c:pt>
                <c:pt idx="282">
                  <c:v>0.11324272425617839</c:v>
                </c:pt>
                <c:pt idx="283">
                  <c:v>0.11222503241099303</c:v>
                </c:pt>
                <c:pt idx="284">
                  <c:v>0.11121687698549479</c:v>
                </c:pt>
                <c:pt idx="285">
                  <c:v>0.11021815491702981</c:v>
                </c:pt>
                <c:pt idx="286">
                  <c:v>0.10922876446913074</c:v>
                </c:pt>
                <c:pt idx="287">
                  <c:v>0.10824860521150974</c:v>
                </c:pt>
                <c:pt idx="288">
                  <c:v>0.10727757800039946</c:v>
                </c:pt>
                <c:pt idx="289">
                  <c:v>0.10646360524755717</c:v>
                </c:pt>
                <c:pt idx="290">
                  <c:v>0.10550952983169222</c:v>
                </c:pt>
                <c:pt idx="291">
                  <c:v>0.10456430464307075</c:v>
                </c:pt>
                <c:pt idx="292">
                  <c:v>0.10362783541313399</c:v>
                </c:pt>
                <c:pt idx="293">
                  <c:v>0.10284411888363934</c:v>
                </c:pt>
                <c:pt idx="294">
                  <c:v>0.10192389498233356</c:v>
                </c:pt>
                <c:pt idx="295">
                  <c:v>0.10101215909839614</c:v>
                </c:pt>
                <c:pt idx="296">
                  <c:v>0.10025006855472443</c:v>
                </c:pt>
                <c:pt idx="297">
                  <c:v>9.9354074874760168E-2</c:v>
                </c:pt>
                <c:pt idx="298">
                  <c:v>9.8466311095914111E-2</c:v>
                </c:pt>
                <c:pt idx="299">
                  <c:v>9.7725160721742199E-2</c:v>
                </c:pt>
                <c:pt idx="300">
                  <c:v>9.6852654578941003E-2</c:v>
                </c:pt>
                <c:pt idx="301">
                  <c:v>9.6124816155869056E-2</c:v>
                </c:pt>
                <c:pt idx="302">
                  <c:v>9.5267259226108042E-2</c:v>
                </c:pt>
                <c:pt idx="303">
                  <c:v>9.4552455445718567E-2</c:v>
                </c:pt>
                <c:pt idx="304">
                  <c:v>9.3709546788097856E-2</c:v>
                </c:pt>
                <c:pt idx="305">
                  <c:v>9.3007507187181926E-2</c:v>
                </c:pt>
                <c:pt idx="306">
                  <c:v>9.2178953129532101E-2</c:v>
                </c:pt>
                <c:pt idx="307">
                  <c:v>9.148941389278345E-2</c:v>
                </c:pt>
                <c:pt idx="308">
                  <c:v>9.0674927825297208E-2</c:v>
                </c:pt>
                <c:pt idx="309">
                  <c:v>8.9997631594529059E-2</c:v>
                </c:pt>
                <c:pt idx="310">
                  <c:v>8.9196933770139819E-2</c:v>
                </c:pt>
                <c:pt idx="311">
                  <c:v>8.8531629459782726E-2</c:v>
                </c:pt>
                <c:pt idx="312">
                  <c:v>8.7744446801039475E-2</c:v>
                </c:pt>
                <c:pt idx="313">
                  <c:v>8.7090889419684875E-2</c:v>
                </c:pt>
                <c:pt idx="314">
                  <c:v>8.6442735942281426E-2</c:v>
                </c:pt>
                <c:pt idx="315">
                  <c:v>8.5674905809652022E-2</c:v>
                </c:pt>
                <c:pt idx="316">
                  <c:v>8.5038148590356841E-2</c:v>
                </c:pt>
                <c:pt idx="317">
                  <c:v>8.4406631632613055E-2</c:v>
                </c:pt>
                <c:pt idx="318">
                  <c:v>8.3657593451917742E-2</c:v>
                </c:pt>
                <c:pt idx="319">
                  <c:v>8.3037134522198908E-2</c:v>
                </c:pt>
                <c:pt idx="320">
                  <c:v>8.2421758060906861E-2</c:v>
                </c:pt>
                <c:pt idx="321">
                  <c:v>8.1690970756188655E-2</c:v>
                </c:pt>
                <c:pt idx="322">
                  <c:v>8.108632601800253E-2</c:v>
                </c:pt>
                <c:pt idx="323">
                  <c:v>8.0486611561026114E-2</c:v>
                </c:pt>
                <c:pt idx="324">
                  <c:v>7.9891779570425564E-2</c:v>
                </c:pt>
                <c:pt idx="325">
                  <c:v>7.9184255153035954E-2</c:v>
                </c:pt>
                <c:pt idx="326">
                  <c:v>7.8599741016382119E-2</c:v>
                </c:pt>
                <c:pt idx="327">
                  <c:v>7.8019964227213176E-2</c:v>
                </c:pt>
                <c:pt idx="328">
                  <c:v>7.7444879198768399E-2</c:v>
                </c:pt>
                <c:pt idx="329">
                  <c:v>7.6874440870886435E-2</c:v>
                </c:pt>
                <c:pt idx="330">
                  <c:v>7.6194583643384162E-2</c:v>
                </c:pt>
                <c:pt idx="331">
                  <c:v>7.563397490268807E-2</c:v>
                </c:pt>
                <c:pt idx="332">
                  <c:v>7.5077876010798017E-2</c:v>
                </c:pt>
                <c:pt idx="333">
                  <c:v>7.45262439866375E-2</c:v>
                </c:pt>
                <c:pt idx="334">
                  <c:v>7.397903634056692E-2</c:v>
                </c:pt>
                <c:pt idx="335">
                  <c:v>7.3436211067774065E-2</c:v>
                </c:pt>
                <c:pt idx="336">
                  <c:v>7.289772664176758E-2</c:v>
                </c:pt>
                <c:pt idx="337">
                  <c:v>7.2363542007970433E-2</c:v>
                </c:pt>
                <c:pt idx="338">
                  <c:v>7.1833616577413065E-2</c:v>
                </c:pt>
                <c:pt idx="339">
                  <c:v>7.1307910220523185E-2</c:v>
                </c:pt>
                <c:pt idx="340">
                  <c:v>7.067892766623575E-2</c:v>
                </c:pt>
                <c:pt idx="341">
                  <c:v>7.0162164107536965E-2</c:v>
                </c:pt>
                <c:pt idx="342">
                  <c:v>6.9649497582458683E-2</c:v>
                </c:pt>
                <c:pt idx="343">
                  <c:v>6.9140889777400835E-2</c:v>
                </c:pt>
                <c:pt idx="344">
                  <c:v>6.8636302808089217E-2</c:v>
                </c:pt>
                <c:pt idx="345">
                  <c:v>6.813569921391964E-2</c:v>
                </c:pt>
                <c:pt idx="346">
                  <c:v>6.7639041952387818E-2</c:v>
                </c:pt>
                <c:pt idx="347">
                  <c:v>6.7146294393603465E-2</c:v>
                </c:pt>
                <c:pt idx="348">
                  <c:v>6.6657420314887639E-2</c:v>
                </c:pt>
                <c:pt idx="349">
                  <c:v>6.6274383701349943E-2</c:v>
                </c:pt>
                <c:pt idx="350">
                  <c:v>6.5792564053006333E-2</c:v>
                </c:pt>
                <c:pt idx="351">
                  <c:v>6.5314515621489835E-2</c:v>
                </c:pt>
                <c:pt idx="352">
                  <c:v>6.4840203725546511E-2</c:v>
                </c:pt>
                <c:pt idx="353">
                  <c:v>6.4369594065690108E-2</c:v>
                </c:pt>
                <c:pt idx="354">
                  <c:v>6.3902652719263223E-2</c:v>
                </c:pt>
                <c:pt idx="355">
                  <c:v>6.343934613557238E-2</c:v>
                </c:pt>
                <c:pt idx="356">
                  <c:v>6.2979641131095304E-2</c:v>
                </c:pt>
                <c:pt idx="357">
                  <c:v>6.2523504884759565E-2</c:v>
                </c:pt>
                <c:pt idx="358">
                  <c:v>6.2070904933290892E-2</c:v>
                </c:pt>
                <c:pt idx="359">
                  <c:v>6.162180916663039E-2</c:v>
                </c:pt>
                <c:pt idx="360">
                  <c:v>6.1176185823419778E-2</c:v>
                </c:pt>
                <c:pt idx="361">
                  <c:v>6.0829309872031355E-2</c:v>
                </c:pt>
                <c:pt idx="362">
                  <c:v>6.0389997635610773E-2</c:v>
                </c:pt>
                <c:pt idx="363">
                  <c:v>5.9954068206488888E-2</c:v>
                </c:pt>
                <c:pt idx="364">
                  <c:v>5.9521491143446556E-2</c:v>
                </c:pt>
                <c:pt idx="365">
                  <c:v>5.9092236332686975E-2</c:v>
                </c:pt>
                <c:pt idx="366">
                  <c:v>5.866627398369955E-2</c:v>
                </c:pt>
                <c:pt idx="367">
                  <c:v>5.8335768634699324E-2</c:v>
                </c:pt>
                <c:pt idx="368">
                  <c:v>5.7915784249703138E-2</c:v>
                </c:pt>
                <c:pt idx="369">
                  <c:v>5.7499008295671117E-2</c:v>
                </c:pt>
                <c:pt idx="370">
                  <c:v>5.7176131956914907E-2</c:v>
                </c:pt>
                <c:pt idx="371">
                  <c:v>5.6765178555904822E-2</c:v>
                </c:pt>
                <c:pt idx="372">
                  <c:v>5.6357352151119845E-2</c:v>
                </c:pt>
                <c:pt idx="373">
                  <c:v>5.5952625047993171E-2</c:v>
                </c:pt>
                <c:pt idx="374">
                  <c:v>5.5550969844816306E-2</c:v>
                </c:pt>
                <c:pt idx="375">
                  <c:v>5.5240638501699774E-2</c:v>
                </c:pt>
                <c:pt idx="376">
                  <c:v>5.4844553359873739E-2</c:v>
                </c:pt>
                <c:pt idx="377">
                  <c:v>5.4451462855186622E-2</c:v>
                </c:pt>
                <c:pt idx="378">
                  <c:v>5.406134069481839E-2</c:v>
                </c:pt>
                <c:pt idx="379">
                  <c:v>5.3760557887047498E-2</c:v>
                </c:pt>
                <c:pt idx="380">
                  <c:v>5.3375814399620518E-2</c:v>
                </c:pt>
                <c:pt idx="381">
                  <c:v>5.2993965135021054E-2</c:v>
                </c:pt>
                <c:pt idx="382">
                  <c:v>5.2700019161585121E-2</c:v>
                </c:pt>
                <c:pt idx="383">
                  <c:v>5.23234116654916E-2</c:v>
                </c:pt>
                <c:pt idx="384">
                  <c:v>5.1949626509240829E-2</c:v>
                </c:pt>
                <c:pt idx="385">
                  <c:v>5.1662336784205107E-2</c:v>
                </c:pt>
                <c:pt idx="386">
                  <c:v>5.1293660669571015E-2</c:v>
                </c:pt>
                <c:pt idx="387">
                  <c:v>5.0927737170587288E-2</c:v>
                </c:pt>
                <c:pt idx="388">
                  <c:v>5.0646928736107398E-2</c:v>
                </c:pt>
                <c:pt idx="389">
                  <c:v>5.0285985579759433E-2</c:v>
                </c:pt>
                <c:pt idx="390">
                  <c:v>4.9927727397219991E-2</c:v>
                </c:pt>
                <c:pt idx="391">
                  <c:v>4.9653230719341426E-2</c:v>
                </c:pt>
                <c:pt idx="392">
                  <c:v>4.9299828064890902E-2</c:v>
                </c:pt>
                <c:pt idx="393">
                  <c:v>4.9029321974117038E-2</c:v>
                </c:pt>
                <c:pt idx="394">
                  <c:v>4.8680695524373374E-2</c:v>
                </c:pt>
                <c:pt idx="395">
                  <c:v>4.8334646671296458E-2</c:v>
                </c:pt>
                <c:pt idx="396">
                  <c:v>4.8070183757943696E-2</c:v>
                </c:pt>
                <c:pt idx="397">
                  <c:v>4.7728792423584236E-2</c:v>
                </c:pt>
                <c:pt idx="398">
                  <c:v>4.746814966798555E-2</c:v>
                </c:pt>
                <c:pt idx="399">
                  <c:v>4.7131340424408745E-2</c:v>
                </c:pt>
                <c:pt idx="400">
                  <c:v>4.6797006589498612E-2</c:v>
                </c:pt>
              </c:numCache>
            </c:numRef>
          </c:yVal>
          <c:smooth val="1"/>
          <c:extLst>
            <c:ext xmlns:c16="http://schemas.microsoft.com/office/drawing/2014/chart" uri="{C3380CC4-5D6E-409C-BE32-E72D297353CC}">
              <c16:uniqueId val="{00000000-C7C9-4B81-A108-A42B527F75A4}"/>
            </c:ext>
          </c:extLst>
        </c:ser>
        <c:ser>
          <c:idx val="1"/>
          <c:order val="1"/>
          <c:tx>
            <c:strRef>
              <c:f>S!$AR$1</c:f>
              <c:strCache>
                <c:ptCount val="1"/>
                <c:pt idx="0">
                  <c:v>(αhυ)^(2)400</c:v>
                </c:pt>
              </c:strCache>
            </c:strRef>
          </c:tx>
          <c:marker>
            <c:symbol val="none"/>
          </c:marker>
          <c:xVal>
            <c:numRef>
              <c:f>S!$B$2:$B$1272</c:f>
              <c:numCache>
                <c:formatCode>General</c:formatCode>
                <c:ptCount val="1271"/>
                <c:pt idx="0">
                  <c:v>4.96</c:v>
                </c:pt>
                <c:pt idx="1">
                  <c:v>4.9206349206349209</c:v>
                </c:pt>
                <c:pt idx="2">
                  <c:v>4.8818897637795278</c:v>
                </c:pt>
                <c:pt idx="3">
                  <c:v>4.84375</c:v>
                </c:pt>
                <c:pt idx="4">
                  <c:v>4.8062015503875966</c:v>
                </c:pt>
                <c:pt idx="5">
                  <c:v>4.7692307692307692</c:v>
                </c:pt>
                <c:pt idx="6">
                  <c:v>4.7328244274809164</c:v>
                </c:pt>
                <c:pt idx="7">
                  <c:v>4.6969696969696972</c:v>
                </c:pt>
                <c:pt idx="8">
                  <c:v>4.6616541353383463</c:v>
                </c:pt>
                <c:pt idx="9">
                  <c:v>4.6268656716417906</c:v>
                </c:pt>
                <c:pt idx="10">
                  <c:v>4.5925925925925926</c:v>
                </c:pt>
                <c:pt idx="11">
                  <c:v>4.5588235294117645</c:v>
                </c:pt>
                <c:pt idx="12">
                  <c:v>4.5255474452554747</c:v>
                </c:pt>
                <c:pt idx="13">
                  <c:v>4.4927536231884062</c:v>
                </c:pt>
                <c:pt idx="14">
                  <c:v>4.4604316546762588</c:v>
                </c:pt>
                <c:pt idx="15">
                  <c:v>4.4285714285714288</c:v>
                </c:pt>
                <c:pt idx="16">
                  <c:v>4.3971631205673756</c:v>
                </c:pt>
                <c:pt idx="17">
                  <c:v>4.3661971830985919</c:v>
                </c:pt>
                <c:pt idx="18">
                  <c:v>4.3356643356643358</c:v>
                </c:pt>
                <c:pt idx="19">
                  <c:v>4.3055555555555554</c:v>
                </c:pt>
                <c:pt idx="20">
                  <c:v>4.2758620689655169</c:v>
                </c:pt>
                <c:pt idx="21">
                  <c:v>4.2465753424657535</c:v>
                </c:pt>
                <c:pt idx="22">
                  <c:v>4.2176870748299322</c:v>
                </c:pt>
                <c:pt idx="23">
                  <c:v>4.1891891891891895</c:v>
                </c:pt>
                <c:pt idx="24">
                  <c:v>4.1610738255033555</c:v>
                </c:pt>
                <c:pt idx="25">
                  <c:v>4.1333333333333337</c:v>
                </c:pt>
                <c:pt idx="26">
                  <c:v>4.1059602649006619</c:v>
                </c:pt>
                <c:pt idx="27">
                  <c:v>4.0789473684210522</c:v>
                </c:pt>
                <c:pt idx="28">
                  <c:v>4.0522875816993462</c:v>
                </c:pt>
                <c:pt idx="29">
                  <c:v>4.0259740259740262</c:v>
                </c:pt>
                <c:pt idx="30">
                  <c:v>4</c:v>
                </c:pt>
                <c:pt idx="31">
                  <c:v>3.9743589743589745</c:v>
                </c:pt>
                <c:pt idx="32">
                  <c:v>3.9490445859872612</c:v>
                </c:pt>
                <c:pt idx="33">
                  <c:v>3.9240506329113924</c:v>
                </c:pt>
                <c:pt idx="34">
                  <c:v>3.89937106918239</c:v>
                </c:pt>
                <c:pt idx="35">
                  <c:v>3.875</c:v>
                </c:pt>
                <c:pt idx="36">
                  <c:v>3.8509316770186337</c:v>
                </c:pt>
                <c:pt idx="37">
                  <c:v>3.8271604938271606</c:v>
                </c:pt>
                <c:pt idx="38">
                  <c:v>3.8036809815950918</c:v>
                </c:pt>
                <c:pt idx="39">
                  <c:v>3.7804878048780486</c:v>
                </c:pt>
                <c:pt idx="40">
                  <c:v>3.7575757575757578</c:v>
                </c:pt>
                <c:pt idx="41">
                  <c:v>3.7349397590361444</c:v>
                </c:pt>
                <c:pt idx="42">
                  <c:v>3.7125748502994012</c:v>
                </c:pt>
                <c:pt idx="43">
                  <c:v>3.6904761904761907</c:v>
                </c:pt>
                <c:pt idx="44">
                  <c:v>3.668639053254438</c:v>
                </c:pt>
                <c:pt idx="45">
                  <c:v>3.6470588235294117</c:v>
                </c:pt>
                <c:pt idx="46">
                  <c:v>3.6257309941520468</c:v>
                </c:pt>
                <c:pt idx="47">
                  <c:v>3.6046511627906979</c:v>
                </c:pt>
                <c:pt idx="48">
                  <c:v>3.5838150289017343</c:v>
                </c:pt>
                <c:pt idx="49">
                  <c:v>3.5632183908045976</c:v>
                </c:pt>
                <c:pt idx="50">
                  <c:v>3.5428571428571427</c:v>
                </c:pt>
                <c:pt idx="51">
                  <c:v>3.5227272727272729</c:v>
                </c:pt>
                <c:pt idx="52">
                  <c:v>3.5028248587570623</c:v>
                </c:pt>
                <c:pt idx="53">
                  <c:v>3.4831460674157304</c:v>
                </c:pt>
                <c:pt idx="54">
                  <c:v>3.4636871508379889</c:v>
                </c:pt>
                <c:pt idx="55">
                  <c:v>3.4444444444444446</c:v>
                </c:pt>
                <c:pt idx="56">
                  <c:v>3.4254143646408841</c:v>
                </c:pt>
                <c:pt idx="57">
                  <c:v>3.4065934065934065</c:v>
                </c:pt>
                <c:pt idx="58">
                  <c:v>3.3879781420765029</c:v>
                </c:pt>
                <c:pt idx="59">
                  <c:v>3.3695652173913042</c:v>
                </c:pt>
                <c:pt idx="60">
                  <c:v>3.3513513513513513</c:v>
                </c:pt>
                <c:pt idx="61">
                  <c:v>3.3333333333333335</c:v>
                </c:pt>
                <c:pt idx="62">
                  <c:v>3.3155080213903743</c:v>
                </c:pt>
                <c:pt idx="63">
                  <c:v>3.2978723404255321</c:v>
                </c:pt>
                <c:pt idx="64">
                  <c:v>3.2804232804232805</c:v>
                </c:pt>
                <c:pt idx="65">
                  <c:v>3.263157894736842</c:v>
                </c:pt>
                <c:pt idx="66">
                  <c:v>3.2460732984293195</c:v>
                </c:pt>
                <c:pt idx="67">
                  <c:v>3.2291666666666665</c:v>
                </c:pt>
                <c:pt idx="68">
                  <c:v>3.2124352331606216</c:v>
                </c:pt>
                <c:pt idx="69">
                  <c:v>3.195876288659794</c:v>
                </c:pt>
                <c:pt idx="70">
                  <c:v>3.1794871794871793</c:v>
                </c:pt>
                <c:pt idx="71">
                  <c:v>3.1632653061224492</c:v>
                </c:pt>
                <c:pt idx="72">
                  <c:v>3.1472081218274113</c:v>
                </c:pt>
                <c:pt idx="73">
                  <c:v>3.1313131313131315</c:v>
                </c:pt>
                <c:pt idx="74">
                  <c:v>3.1155778894472363</c:v>
                </c:pt>
                <c:pt idx="75">
                  <c:v>3.1</c:v>
                </c:pt>
                <c:pt idx="76">
                  <c:v>3.0845771144278609</c:v>
                </c:pt>
                <c:pt idx="77">
                  <c:v>3.0693069306930694</c:v>
                </c:pt>
                <c:pt idx="78">
                  <c:v>3.0541871921182264</c:v>
                </c:pt>
                <c:pt idx="79">
                  <c:v>3.0392156862745097</c:v>
                </c:pt>
                <c:pt idx="80">
                  <c:v>3.024390243902439</c:v>
                </c:pt>
                <c:pt idx="81">
                  <c:v>3.0097087378640777</c:v>
                </c:pt>
                <c:pt idx="82">
                  <c:v>2.9951690821256038</c:v>
                </c:pt>
                <c:pt idx="83">
                  <c:v>2.9807692307692308</c:v>
                </c:pt>
                <c:pt idx="84">
                  <c:v>2.9665071770334928</c:v>
                </c:pt>
                <c:pt idx="85">
                  <c:v>2.9523809523809526</c:v>
                </c:pt>
                <c:pt idx="86">
                  <c:v>2.9383886255924172</c:v>
                </c:pt>
                <c:pt idx="87">
                  <c:v>2.9245283018867925</c:v>
                </c:pt>
                <c:pt idx="88">
                  <c:v>2.9107981220657275</c:v>
                </c:pt>
                <c:pt idx="89">
                  <c:v>2.8971962616822431</c:v>
                </c:pt>
                <c:pt idx="90">
                  <c:v>2.8837209302325579</c:v>
                </c:pt>
                <c:pt idx="91">
                  <c:v>2.8703703703703702</c:v>
                </c:pt>
                <c:pt idx="92">
                  <c:v>2.8571428571428572</c:v>
                </c:pt>
                <c:pt idx="93">
                  <c:v>2.8440366972477062</c:v>
                </c:pt>
                <c:pt idx="94">
                  <c:v>2.8310502283105023</c:v>
                </c:pt>
                <c:pt idx="95">
                  <c:v>2.8181818181818183</c:v>
                </c:pt>
                <c:pt idx="96">
                  <c:v>2.8054298642533935</c:v>
                </c:pt>
                <c:pt idx="97">
                  <c:v>2.7927927927927927</c:v>
                </c:pt>
                <c:pt idx="98">
                  <c:v>2.7802690582959642</c:v>
                </c:pt>
                <c:pt idx="99">
                  <c:v>2.7678571428571428</c:v>
                </c:pt>
                <c:pt idx="100">
                  <c:v>2.7555555555555555</c:v>
                </c:pt>
                <c:pt idx="101">
                  <c:v>2.7433628318584069</c:v>
                </c:pt>
                <c:pt idx="102">
                  <c:v>2.7312775330396475</c:v>
                </c:pt>
                <c:pt idx="103">
                  <c:v>2.7192982456140351</c:v>
                </c:pt>
                <c:pt idx="104">
                  <c:v>2.7074235807860263</c:v>
                </c:pt>
                <c:pt idx="105">
                  <c:v>2.6956521739130435</c:v>
                </c:pt>
                <c:pt idx="106">
                  <c:v>2.6839826839826841</c:v>
                </c:pt>
                <c:pt idx="107">
                  <c:v>2.6724137931034484</c:v>
                </c:pt>
                <c:pt idx="108">
                  <c:v>2.6609442060085837</c:v>
                </c:pt>
                <c:pt idx="109">
                  <c:v>2.6495726495726495</c:v>
                </c:pt>
                <c:pt idx="110">
                  <c:v>2.6382978723404253</c:v>
                </c:pt>
                <c:pt idx="111">
                  <c:v>2.6271186440677967</c:v>
                </c:pt>
                <c:pt idx="112">
                  <c:v>2.6160337552742616</c:v>
                </c:pt>
                <c:pt idx="113">
                  <c:v>2.6050420168067228</c:v>
                </c:pt>
                <c:pt idx="114">
                  <c:v>2.5941422594142258</c:v>
                </c:pt>
                <c:pt idx="115">
                  <c:v>2.5833333333333335</c:v>
                </c:pt>
                <c:pt idx="116">
                  <c:v>2.5726141078838176</c:v>
                </c:pt>
                <c:pt idx="117">
                  <c:v>2.5619834710743801</c:v>
                </c:pt>
                <c:pt idx="118">
                  <c:v>2.5514403292181069</c:v>
                </c:pt>
                <c:pt idx="119">
                  <c:v>2.540983606557377</c:v>
                </c:pt>
                <c:pt idx="120">
                  <c:v>2.5306122448979593</c:v>
                </c:pt>
                <c:pt idx="121">
                  <c:v>2.5203252032520327</c:v>
                </c:pt>
                <c:pt idx="122">
                  <c:v>2.5101214574898787</c:v>
                </c:pt>
                <c:pt idx="123">
                  <c:v>2.5</c:v>
                </c:pt>
                <c:pt idx="124">
                  <c:v>2.4899598393574296</c:v>
                </c:pt>
                <c:pt idx="125">
                  <c:v>2.48</c:v>
                </c:pt>
                <c:pt idx="126">
                  <c:v>2.4701195219123506</c:v>
                </c:pt>
                <c:pt idx="127">
                  <c:v>2.4603174603174605</c:v>
                </c:pt>
                <c:pt idx="128">
                  <c:v>2.4505928853754941</c:v>
                </c:pt>
                <c:pt idx="129">
                  <c:v>2.4409448818897639</c:v>
                </c:pt>
                <c:pt idx="130">
                  <c:v>2.4313725490196076</c:v>
                </c:pt>
                <c:pt idx="131">
                  <c:v>2.421875</c:v>
                </c:pt>
                <c:pt idx="132">
                  <c:v>2.4124513618677041</c:v>
                </c:pt>
                <c:pt idx="133">
                  <c:v>2.4031007751937983</c:v>
                </c:pt>
                <c:pt idx="134">
                  <c:v>2.3938223938223939</c:v>
                </c:pt>
                <c:pt idx="135">
                  <c:v>2.3846153846153846</c:v>
                </c:pt>
                <c:pt idx="136">
                  <c:v>2.3754789272030652</c:v>
                </c:pt>
                <c:pt idx="137">
                  <c:v>2.3664122137404582</c:v>
                </c:pt>
                <c:pt idx="138">
                  <c:v>2.3574144486692017</c:v>
                </c:pt>
                <c:pt idx="139">
                  <c:v>2.3484848484848486</c:v>
                </c:pt>
                <c:pt idx="140">
                  <c:v>2.3396226415094339</c:v>
                </c:pt>
                <c:pt idx="141">
                  <c:v>2.3308270676691731</c:v>
                </c:pt>
                <c:pt idx="142">
                  <c:v>2.3220973782771535</c:v>
                </c:pt>
                <c:pt idx="143">
                  <c:v>2.3134328358208953</c:v>
                </c:pt>
                <c:pt idx="144">
                  <c:v>2.3048327137546467</c:v>
                </c:pt>
                <c:pt idx="145">
                  <c:v>2.2962962962962963</c:v>
                </c:pt>
                <c:pt idx="146">
                  <c:v>2.2878228782287824</c:v>
                </c:pt>
                <c:pt idx="147">
                  <c:v>2.2794117647058822</c:v>
                </c:pt>
                <c:pt idx="148">
                  <c:v>2.271062271062271</c:v>
                </c:pt>
                <c:pt idx="149">
                  <c:v>2.2627737226277373</c:v>
                </c:pt>
                <c:pt idx="150">
                  <c:v>2.2545454545454544</c:v>
                </c:pt>
                <c:pt idx="151">
                  <c:v>2.2463768115942031</c:v>
                </c:pt>
                <c:pt idx="152">
                  <c:v>2.2382671480144403</c:v>
                </c:pt>
                <c:pt idx="153">
                  <c:v>2.2302158273381294</c:v>
                </c:pt>
                <c:pt idx="154">
                  <c:v>2.2222222222222223</c:v>
                </c:pt>
                <c:pt idx="155">
                  <c:v>2.2142857142857144</c:v>
                </c:pt>
                <c:pt idx="156">
                  <c:v>2.2064056939501779</c:v>
                </c:pt>
                <c:pt idx="157">
                  <c:v>2.1985815602836878</c:v>
                </c:pt>
                <c:pt idx="158">
                  <c:v>2.1908127208480566</c:v>
                </c:pt>
                <c:pt idx="159">
                  <c:v>2.183098591549296</c:v>
                </c:pt>
                <c:pt idx="160">
                  <c:v>2.1754385964912282</c:v>
                </c:pt>
                <c:pt idx="161">
                  <c:v>2.1678321678321679</c:v>
                </c:pt>
                <c:pt idx="162">
                  <c:v>2.1602787456445993</c:v>
                </c:pt>
                <c:pt idx="163">
                  <c:v>2.1527777777777777</c:v>
                </c:pt>
                <c:pt idx="164">
                  <c:v>2.1453287197231834</c:v>
                </c:pt>
                <c:pt idx="165">
                  <c:v>2.1379310344827585</c:v>
                </c:pt>
                <c:pt idx="166">
                  <c:v>2.1305841924398625</c:v>
                </c:pt>
                <c:pt idx="167">
                  <c:v>2.1232876712328768</c:v>
                </c:pt>
                <c:pt idx="168">
                  <c:v>2.1160409556313993</c:v>
                </c:pt>
                <c:pt idx="169">
                  <c:v>2.1088435374149661</c:v>
                </c:pt>
                <c:pt idx="170">
                  <c:v>2.1016949152542375</c:v>
                </c:pt>
                <c:pt idx="171">
                  <c:v>2.0945945945945947</c:v>
                </c:pt>
                <c:pt idx="172">
                  <c:v>2.0875420875420874</c:v>
                </c:pt>
                <c:pt idx="173">
                  <c:v>2.0805369127516777</c:v>
                </c:pt>
                <c:pt idx="174">
                  <c:v>2.0735785953177257</c:v>
                </c:pt>
                <c:pt idx="175">
                  <c:v>2.0666666666666669</c:v>
                </c:pt>
                <c:pt idx="176">
                  <c:v>2.0598006644518274</c:v>
                </c:pt>
                <c:pt idx="177">
                  <c:v>2.052980132450331</c:v>
                </c:pt>
                <c:pt idx="178">
                  <c:v>2.0462046204620461</c:v>
                </c:pt>
                <c:pt idx="179">
                  <c:v>2.0394736842105261</c:v>
                </c:pt>
                <c:pt idx="180">
                  <c:v>2.0327868852459017</c:v>
                </c:pt>
                <c:pt idx="181">
                  <c:v>2.0261437908496731</c:v>
                </c:pt>
                <c:pt idx="182">
                  <c:v>2.0195439739413681</c:v>
                </c:pt>
                <c:pt idx="183">
                  <c:v>2.0129870129870131</c:v>
                </c:pt>
                <c:pt idx="184">
                  <c:v>2.0064724919093853</c:v>
                </c:pt>
                <c:pt idx="185">
                  <c:v>2</c:v>
                </c:pt>
                <c:pt idx="186">
                  <c:v>1.9935691318327975</c:v>
                </c:pt>
                <c:pt idx="187">
                  <c:v>1.9871794871794872</c:v>
                </c:pt>
                <c:pt idx="188">
                  <c:v>1.9808306709265175</c:v>
                </c:pt>
                <c:pt idx="189">
                  <c:v>1.9745222929936306</c:v>
                </c:pt>
                <c:pt idx="190">
                  <c:v>1.9682539682539681</c:v>
                </c:pt>
                <c:pt idx="191">
                  <c:v>1.9620253164556962</c:v>
                </c:pt>
                <c:pt idx="192">
                  <c:v>1.9558359621451105</c:v>
                </c:pt>
                <c:pt idx="193">
                  <c:v>1.949685534591195</c:v>
                </c:pt>
                <c:pt idx="194">
                  <c:v>1.9435736677115987</c:v>
                </c:pt>
                <c:pt idx="195">
                  <c:v>1.9375</c:v>
                </c:pt>
                <c:pt idx="196">
                  <c:v>1.9314641744548287</c:v>
                </c:pt>
                <c:pt idx="197">
                  <c:v>1.9254658385093169</c:v>
                </c:pt>
                <c:pt idx="198">
                  <c:v>1.9195046439628483</c:v>
                </c:pt>
                <c:pt idx="199">
                  <c:v>1.9135802469135803</c:v>
                </c:pt>
                <c:pt idx="200">
                  <c:v>1.9076923076923078</c:v>
                </c:pt>
                <c:pt idx="201">
                  <c:v>1.9018404907975459</c:v>
                </c:pt>
                <c:pt idx="202">
                  <c:v>1.8960244648318043</c:v>
                </c:pt>
                <c:pt idx="203">
                  <c:v>1.8902439024390243</c:v>
                </c:pt>
                <c:pt idx="204">
                  <c:v>1.884498480243161</c:v>
                </c:pt>
                <c:pt idx="205">
                  <c:v>1.8787878787878789</c:v>
                </c:pt>
                <c:pt idx="206">
                  <c:v>1.8731117824773413</c:v>
                </c:pt>
                <c:pt idx="207">
                  <c:v>1.8674698795180722</c:v>
                </c:pt>
                <c:pt idx="208">
                  <c:v>1.8618618618618619</c:v>
                </c:pt>
                <c:pt idx="209">
                  <c:v>1.8562874251497006</c:v>
                </c:pt>
                <c:pt idx="210">
                  <c:v>1.8507462686567164</c:v>
                </c:pt>
                <c:pt idx="211">
                  <c:v>1.8452380952380953</c:v>
                </c:pt>
                <c:pt idx="212">
                  <c:v>1.8397626112759644</c:v>
                </c:pt>
                <c:pt idx="213">
                  <c:v>1.834319526627219</c:v>
                </c:pt>
                <c:pt idx="214">
                  <c:v>1.8289085545722714</c:v>
                </c:pt>
                <c:pt idx="215">
                  <c:v>1.8235294117647058</c:v>
                </c:pt>
                <c:pt idx="216">
                  <c:v>1.8181818181818181</c:v>
                </c:pt>
                <c:pt idx="217">
                  <c:v>1.8128654970760234</c:v>
                </c:pt>
                <c:pt idx="218">
                  <c:v>1.8075801749271136</c:v>
                </c:pt>
                <c:pt idx="219">
                  <c:v>1.8023255813953489</c:v>
                </c:pt>
                <c:pt idx="220">
                  <c:v>1.7971014492753623</c:v>
                </c:pt>
                <c:pt idx="221">
                  <c:v>1.7919075144508672</c:v>
                </c:pt>
                <c:pt idx="222">
                  <c:v>1.7867435158501441</c:v>
                </c:pt>
                <c:pt idx="223">
                  <c:v>1.7816091954022988</c:v>
                </c:pt>
                <c:pt idx="224">
                  <c:v>1.7765042979942693</c:v>
                </c:pt>
                <c:pt idx="225">
                  <c:v>1.7714285714285714</c:v>
                </c:pt>
                <c:pt idx="226">
                  <c:v>1.7663817663817665</c:v>
                </c:pt>
                <c:pt idx="227">
                  <c:v>1.7613636363636365</c:v>
                </c:pt>
                <c:pt idx="228">
                  <c:v>1.7563739376770537</c:v>
                </c:pt>
                <c:pt idx="229">
                  <c:v>1.7514124293785311</c:v>
                </c:pt>
                <c:pt idx="230">
                  <c:v>1.7464788732394365</c:v>
                </c:pt>
                <c:pt idx="231">
                  <c:v>1.7415730337078652</c:v>
                </c:pt>
                <c:pt idx="232">
                  <c:v>1.7366946778711485</c:v>
                </c:pt>
                <c:pt idx="233">
                  <c:v>1.7318435754189945</c:v>
                </c:pt>
                <c:pt idx="234">
                  <c:v>1.7270194986072422</c:v>
                </c:pt>
                <c:pt idx="235">
                  <c:v>1.7222222222222223</c:v>
                </c:pt>
                <c:pt idx="236">
                  <c:v>1.7174515235457064</c:v>
                </c:pt>
                <c:pt idx="237">
                  <c:v>1.7127071823204421</c:v>
                </c:pt>
                <c:pt idx="238">
                  <c:v>1.7079889807162534</c:v>
                </c:pt>
                <c:pt idx="239">
                  <c:v>1.7032967032967032</c:v>
                </c:pt>
                <c:pt idx="240">
                  <c:v>1.6986301369863013</c:v>
                </c:pt>
                <c:pt idx="241">
                  <c:v>1.6939890710382515</c:v>
                </c:pt>
                <c:pt idx="242">
                  <c:v>1.6893732970027249</c:v>
                </c:pt>
                <c:pt idx="243">
                  <c:v>1.6847826086956521</c:v>
                </c:pt>
                <c:pt idx="244">
                  <c:v>1.6802168021680217</c:v>
                </c:pt>
                <c:pt idx="245">
                  <c:v>1.6756756756756757</c:v>
                </c:pt>
                <c:pt idx="246">
                  <c:v>1.6711590296495957</c:v>
                </c:pt>
                <c:pt idx="247">
                  <c:v>1.6666666666666667</c:v>
                </c:pt>
                <c:pt idx="248">
                  <c:v>1.6621983914209115</c:v>
                </c:pt>
                <c:pt idx="249">
                  <c:v>1.6577540106951871</c:v>
                </c:pt>
                <c:pt idx="250">
                  <c:v>1.6533333333333333</c:v>
                </c:pt>
                <c:pt idx="251">
                  <c:v>1.6489361702127661</c:v>
                </c:pt>
                <c:pt idx="252">
                  <c:v>1.6445623342175066</c:v>
                </c:pt>
                <c:pt idx="253">
                  <c:v>1.6402116402116402</c:v>
                </c:pt>
                <c:pt idx="254">
                  <c:v>1.6358839050131926</c:v>
                </c:pt>
                <c:pt idx="255">
                  <c:v>1.631578947368421</c:v>
                </c:pt>
                <c:pt idx="256">
                  <c:v>1.6272965879265091</c:v>
                </c:pt>
                <c:pt idx="257">
                  <c:v>1.6230366492146597</c:v>
                </c:pt>
                <c:pt idx="258">
                  <c:v>1.6187989556135771</c:v>
                </c:pt>
                <c:pt idx="259">
                  <c:v>1.6145833333333333</c:v>
                </c:pt>
                <c:pt idx="260">
                  <c:v>1.6103896103896105</c:v>
                </c:pt>
                <c:pt idx="261">
                  <c:v>1.6062176165803108</c:v>
                </c:pt>
                <c:pt idx="262">
                  <c:v>1.6020671834625324</c:v>
                </c:pt>
                <c:pt idx="263">
                  <c:v>1.597938144329897</c:v>
                </c:pt>
                <c:pt idx="264">
                  <c:v>1.5938303341902313</c:v>
                </c:pt>
                <c:pt idx="265">
                  <c:v>1.5897435897435896</c:v>
                </c:pt>
                <c:pt idx="266">
                  <c:v>1.5856777493606138</c:v>
                </c:pt>
                <c:pt idx="267">
                  <c:v>1.5816326530612246</c:v>
                </c:pt>
                <c:pt idx="268">
                  <c:v>1.5776081424936388</c:v>
                </c:pt>
                <c:pt idx="269">
                  <c:v>1.5736040609137056</c:v>
                </c:pt>
                <c:pt idx="270">
                  <c:v>1.5696202531645569</c:v>
                </c:pt>
                <c:pt idx="271">
                  <c:v>1.5656565656565657</c:v>
                </c:pt>
                <c:pt idx="272">
                  <c:v>1.5617128463476071</c:v>
                </c:pt>
                <c:pt idx="273">
                  <c:v>1.5577889447236182</c:v>
                </c:pt>
                <c:pt idx="274">
                  <c:v>1.5538847117794485</c:v>
                </c:pt>
                <c:pt idx="275">
                  <c:v>1.55</c:v>
                </c:pt>
                <c:pt idx="276">
                  <c:v>1.546134663341646</c:v>
                </c:pt>
                <c:pt idx="277">
                  <c:v>1.5422885572139304</c:v>
                </c:pt>
                <c:pt idx="278">
                  <c:v>1.5384615384615385</c:v>
                </c:pt>
                <c:pt idx="279">
                  <c:v>1.5346534653465347</c:v>
                </c:pt>
                <c:pt idx="280">
                  <c:v>1.5308641975308641</c:v>
                </c:pt>
                <c:pt idx="281">
                  <c:v>1.5270935960591132</c:v>
                </c:pt>
                <c:pt idx="282">
                  <c:v>1.5233415233415233</c:v>
                </c:pt>
                <c:pt idx="283">
                  <c:v>1.5196078431372548</c:v>
                </c:pt>
                <c:pt idx="284">
                  <c:v>1.5158924205378974</c:v>
                </c:pt>
                <c:pt idx="285">
                  <c:v>1.5121951219512195</c:v>
                </c:pt>
                <c:pt idx="286">
                  <c:v>1.5085158150851581</c:v>
                </c:pt>
                <c:pt idx="287">
                  <c:v>1.5048543689320388</c:v>
                </c:pt>
                <c:pt idx="288">
                  <c:v>1.5012106537530265</c:v>
                </c:pt>
                <c:pt idx="289">
                  <c:v>1.4975845410628019</c:v>
                </c:pt>
                <c:pt idx="290">
                  <c:v>1.4939759036144578</c:v>
                </c:pt>
                <c:pt idx="291">
                  <c:v>1.4903846153846154</c:v>
                </c:pt>
                <c:pt idx="292">
                  <c:v>1.4868105515587531</c:v>
                </c:pt>
                <c:pt idx="293">
                  <c:v>1.4832535885167464</c:v>
                </c:pt>
                <c:pt idx="294">
                  <c:v>1.4797136038186158</c:v>
                </c:pt>
                <c:pt idx="295">
                  <c:v>1.4761904761904763</c:v>
                </c:pt>
                <c:pt idx="296">
                  <c:v>1.4726840855106889</c:v>
                </c:pt>
                <c:pt idx="297">
                  <c:v>1.4691943127962086</c:v>
                </c:pt>
                <c:pt idx="298">
                  <c:v>1.4657210401891252</c:v>
                </c:pt>
                <c:pt idx="299">
                  <c:v>1.4622641509433962</c:v>
                </c:pt>
                <c:pt idx="300">
                  <c:v>1.4588235294117646</c:v>
                </c:pt>
                <c:pt idx="301">
                  <c:v>1.4553990610328638</c:v>
                </c:pt>
                <c:pt idx="302">
                  <c:v>1.4519906323185012</c:v>
                </c:pt>
                <c:pt idx="303">
                  <c:v>1.4485981308411215</c:v>
                </c:pt>
                <c:pt idx="304">
                  <c:v>1.4452214452214451</c:v>
                </c:pt>
                <c:pt idx="305">
                  <c:v>1.441860465116279</c:v>
                </c:pt>
                <c:pt idx="306">
                  <c:v>1.4385150812064966</c:v>
                </c:pt>
                <c:pt idx="307">
                  <c:v>1.4351851851851851</c:v>
                </c:pt>
                <c:pt idx="308">
                  <c:v>1.4318706697459584</c:v>
                </c:pt>
                <c:pt idx="309">
                  <c:v>1.4285714285714286</c:v>
                </c:pt>
                <c:pt idx="310">
                  <c:v>1.4252873563218391</c:v>
                </c:pt>
                <c:pt idx="311">
                  <c:v>1.4220183486238531</c:v>
                </c:pt>
                <c:pt idx="312">
                  <c:v>1.4187643020594967</c:v>
                </c:pt>
                <c:pt idx="313">
                  <c:v>1.4155251141552512</c:v>
                </c:pt>
                <c:pt idx="314">
                  <c:v>1.4123006833712983</c:v>
                </c:pt>
                <c:pt idx="315">
                  <c:v>1.4090909090909092</c:v>
                </c:pt>
                <c:pt idx="316">
                  <c:v>1.4058956916099774</c:v>
                </c:pt>
                <c:pt idx="317">
                  <c:v>1.4027149321266967</c:v>
                </c:pt>
                <c:pt idx="318">
                  <c:v>1.399548532731377</c:v>
                </c:pt>
                <c:pt idx="319">
                  <c:v>1.3963963963963963</c:v>
                </c:pt>
                <c:pt idx="320">
                  <c:v>1.3932584269662922</c:v>
                </c:pt>
                <c:pt idx="321">
                  <c:v>1.3901345291479821</c:v>
                </c:pt>
                <c:pt idx="322">
                  <c:v>1.3870246085011186</c:v>
                </c:pt>
                <c:pt idx="323">
                  <c:v>1.3839285714285714</c:v>
                </c:pt>
                <c:pt idx="324">
                  <c:v>1.3808463251670378</c:v>
                </c:pt>
                <c:pt idx="325">
                  <c:v>1.3777777777777778</c:v>
                </c:pt>
                <c:pt idx="326">
                  <c:v>1.3747228381374723</c:v>
                </c:pt>
                <c:pt idx="327">
                  <c:v>1.3716814159292035</c:v>
                </c:pt>
                <c:pt idx="328">
                  <c:v>1.3686534216335542</c:v>
                </c:pt>
                <c:pt idx="329">
                  <c:v>1.3656387665198237</c:v>
                </c:pt>
                <c:pt idx="330">
                  <c:v>1.3626373626373627</c:v>
                </c:pt>
                <c:pt idx="331">
                  <c:v>1.3596491228070176</c:v>
                </c:pt>
                <c:pt idx="332">
                  <c:v>1.3566739606126914</c:v>
                </c:pt>
                <c:pt idx="333">
                  <c:v>1.3537117903930131</c:v>
                </c:pt>
                <c:pt idx="334">
                  <c:v>1.3507625272331154</c:v>
                </c:pt>
                <c:pt idx="335">
                  <c:v>1.3478260869565217</c:v>
                </c:pt>
                <c:pt idx="336">
                  <c:v>1.3449023861171367</c:v>
                </c:pt>
                <c:pt idx="337">
                  <c:v>1.3419913419913421</c:v>
                </c:pt>
                <c:pt idx="338">
                  <c:v>1.3390928725701945</c:v>
                </c:pt>
                <c:pt idx="339">
                  <c:v>1.3362068965517242</c:v>
                </c:pt>
                <c:pt idx="340">
                  <c:v>1.3333333333333333</c:v>
                </c:pt>
                <c:pt idx="341">
                  <c:v>1.3304721030042919</c:v>
                </c:pt>
                <c:pt idx="342">
                  <c:v>1.3276231263383298</c:v>
                </c:pt>
                <c:pt idx="343">
                  <c:v>1.3247863247863247</c:v>
                </c:pt>
                <c:pt idx="344">
                  <c:v>1.3219616204690832</c:v>
                </c:pt>
                <c:pt idx="345">
                  <c:v>1.3191489361702127</c:v>
                </c:pt>
                <c:pt idx="346">
                  <c:v>1.316348195329087</c:v>
                </c:pt>
                <c:pt idx="347">
                  <c:v>1.3135593220338984</c:v>
                </c:pt>
                <c:pt idx="348">
                  <c:v>1.3107822410147991</c:v>
                </c:pt>
                <c:pt idx="349">
                  <c:v>1.3080168776371308</c:v>
                </c:pt>
                <c:pt idx="350">
                  <c:v>1.3052631578947369</c:v>
                </c:pt>
                <c:pt idx="351">
                  <c:v>1.3025210084033614</c:v>
                </c:pt>
                <c:pt idx="352">
                  <c:v>1.29979035639413</c:v>
                </c:pt>
                <c:pt idx="353">
                  <c:v>1.2970711297071129</c:v>
                </c:pt>
                <c:pt idx="354">
                  <c:v>1.2943632567849688</c:v>
                </c:pt>
                <c:pt idx="355">
                  <c:v>1.2916666666666667</c:v>
                </c:pt>
                <c:pt idx="356">
                  <c:v>1.2889812889812891</c:v>
                </c:pt>
                <c:pt idx="357">
                  <c:v>1.2863070539419088</c:v>
                </c:pt>
                <c:pt idx="358">
                  <c:v>1.2836438923395446</c:v>
                </c:pt>
                <c:pt idx="359">
                  <c:v>1.28099173553719</c:v>
                </c:pt>
                <c:pt idx="360">
                  <c:v>1.2783505154639174</c:v>
                </c:pt>
                <c:pt idx="361">
                  <c:v>1.2757201646090535</c:v>
                </c:pt>
                <c:pt idx="362">
                  <c:v>1.2731006160164271</c:v>
                </c:pt>
                <c:pt idx="363">
                  <c:v>1.2704918032786885</c:v>
                </c:pt>
                <c:pt idx="364">
                  <c:v>1.2678936605316973</c:v>
                </c:pt>
                <c:pt idx="365">
                  <c:v>1.2653061224489797</c:v>
                </c:pt>
                <c:pt idx="366">
                  <c:v>1.2627291242362526</c:v>
                </c:pt>
                <c:pt idx="367">
                  <c:v>1.2601626016260163</c:v>
                </c:pt>
                <c:pt idx="368">
                  <c:v>1.2576064908722109</c:v>
                </c:pt>
                <c:pt idx="369">
                  <c:v>1.2550607287449393</c:v>
                </c:pt>
                <c:pt idx="370">
                  <c:v>1.2525252525252526</c:v>
                </c:pt>
                <c:pt idx="371">
                  <c:v>1.25</c:v>
                </c:pt>
                <c:pt idx="372">
                  <c:v>1.2474849094567404</c:v>
                </c:pt>
                <c:pt idx="373">
                  <c:v>1.2449799196787148</c:v>
                </c:pt>
                <c:pt idx="374">
                  <c:v>1.2424849699398797</c:v>
                </c:pt>
                <c:pt idx="375">
                  <c:v>1.24</c:v>
                </c:pt>
                <c:pt idx="376">
                  <c:v>1.2375249500998005</c:v>
                </c:pt>
                <c:pt idx="377">
                  <c:v>1.2350597609561753</c:v>
                </c:pt>
                <c:pt idx="378">
                  <c:v>1.2326043737574552</c:v>
                </c:pt>
                <c:pt idx="379">
                  <c:v>1.2301587301587302</c:v>
                </c:pt>
                <c:pt idx="380">
                  <c:v>1.2277227722772277</c:v>
                </c:pt>
                <c:pt idx="381">
                  <c:v>1.2252964426877471</c:v>
                </c:pt>
                <c:pt idx="382">
                  <c:v>1.222879684418146</c:v>
                </c:pt>
                <c:pt idx="383">
                  <c:v>1.2204724409448819</c:v>
                </c:pt>
                <c:pt idx="384">
                  <c:v>1.2180746561886051</c:v>
                </c:pt>
                <c:pt idx="385">
                  <c:v>1.2156862745098038</c:v>
                </c:pt>
                <c:pt idx="386">
                  <c:v>1.2133072407045009</c:v>
                </c:pt>
                <c:pt idx="387">
                  <c:v>1.2109375</c:v>
                </c:pt>
                <c:pt idx="388">
                  <c:v>1.2085769980506822</c:v>
                </c:pt>
                <c:pt idx="389">
                  <c:v>1.2062256809338521</c:v>
                </c:pt>
                <c:pt idx="390">
                  <c:v>1.203883495145631</c:v>
                </c:pt>
                <c:pt idx="391">
                  <c:v>1.2015503875968991</c:v>
                </c:pt>
                <c:pt idx="392">
                  <c:v>1.1992263056092842</c:v>
                </c:pt>
                <c:pt idx="393">
                  <c:v>1.196911196911197</c:v>
                </c:pt>
                <c:pt idx="394">
                  <c:v>1.1946050096339114</c:v>
                </c:pt>
                <c:pt idx="395">
                  <c:v>1.1923076923076923</c:v>
                </c:pt>
                <c:pt idx="396">
                  <c:v>1.1900191938579654</c:v>
                </c:pt>
                <c:pt idx="397">
                  <c:v>1.1877394636015326</c:v>
                </c:pt>
                <c:pt idx="398">
                  <c:v>1.1854684512428297</c:v>
                </c:pt>
                <c:pt idx="399">
                  <c:v>1.1832061068702291</c:v>
                </c:pt>
                <c:pt idx="400">
                  <c:v>1.180952380952381</c:v>
                </c:pt>
              </c:numCache>
            </c:numRef>
          </c:xVal>
          <c:yVal>
            <c:numRef>
              <c:f>S!$AR$2:$AR$1272</c:f>
              <c:numCache>
                <c:formatCode>General</c:formatCode>
                <c:ptCount val="1271"/>
                <c:pt idx="0">
                  <c:v>6.3854565015943248</c:v>
                </c:pt>
                <c:pt idx="1">
                  <c:v>4.0635624911254018</c:v>
                </c:pt>
                <c:pt idx="2">
                  <c:v>5.0886583249400923</c:v>
                </c:pt>
                <c:pt idx="3">
                  <c:v>7.0912282339815649</c:v>
                </c:pt>
                <c:pt idx="4">
                  <c:v>6.3123997089272628</c:v>
                </c:pt>
                <c:pt idx="5">
                  <c:v>7.0905251634243154</c:v>
                </c:pt>
                <c:pt idx="6">
                  <c:v>5.1977287850269178</c:v>
                </c:pt>
                <c:pt idx="7">
                  <c:v>7.1713139330569202</c:v>
                </c:pt>
                <c:pt idx="8">
                  <c:v>5.5071579711741068</c:v>
                </c:pt>
                <c:pt idx="9">
                  <c:v>6.3081167298633432</c:v>
                </c:pt>
                <c:pt idx="10">
                  <c:v>5.4238541672959011</c:v>
                </c:pt>
                <c:pt idx="11">
                  <c:v>5.0317014956457307</c:v>
                </c:pt>
                <c:pt idx="12">
                  <c:v>5.6919440740134508</c:v>
                </c:pt>
                <c:pt idx="13">
                  <c:v>4.6322638414694826</c:v>
                </c:pt>
                <c:pt idx="14">
                  <c:v>5.8816055532310374</c:v>
                </c:pt>
                <c:pt idx="15">
                  <c:v>6.1883562778107528</c:v>
                </c:pt>
                <c:pt idx="16">
                  <c:v>6.0944775800001798</c:v>
                </c:pt>
                <c:pt idx="17">
                  <c:v>5.4626197299465513</c:v>
                </c:pt>
                <c:pt idx="18">
                  <c:v>5.684634382034857</c:v>
                </c:pt>
                <c:pt idx="19">
                  <c:v>5.5728951581769826</c:v>
                </c:pt>
                <c:pt idx="20">
                  <c:v>6.0543806631164774</c:v>
                </c:pt>
                <c:pt idx="21">
                  <c:v>5.4974280119942422</c:v>
                </c:pt>
                <c:pt idx="22">
                  <c:v>5.4199879254746488</c:v>
                </c:pt>
                <c:pt idx="23">
                  <c:v>5.7223123282745734</c:v>
                </c:pt>
                <c:pt idx="24">
                  <c:v>5.3037177285117529</c:v>
                </c:pt>
                <c:pt idx="25">
                  <c:v>5.1803273453789247</c:v>
                </c:pt>
                <c:pt idx="26">
                  <c:v>4.9138068828578882</c:v>
                </c:pt>
                <c:pt idx="27">
                  <c:v>4.9479883057903331</c:v>
                </c:pt>
                <c:pt idx="28">
                  <c:v>4.8176430621196351</c:v>
                </c:pt>
                <c:pt idx="29">
                  <c:v>4.7087353545860724</c:v>
                </c:pt>
                <c:pt idx="30">
                  <c:v>4.71204758222117</c:v>
                </c:pt>
                <c:pt idx="31">
                  <c:v>4.6898715913534605</c:v>
                </c:pt>
                <c:pt idx="32">
                  <c:v>4.9726241219056515</c:v>
                </c:pt>
                <c:pt idx="33">
                  <c:v>4.9330111988390586</c:v>
                </c:pt>
                <c:pt idx="34">
                  <c:v>4.2589851870790225</c:v>
                </c:pt>
                <c:pt idx="35">
                  <c:v>4.314540904565785</c:v>
                </c:pt>
                <c:pt idx="36">
                  <c:v>4.4389590244455244</c:v>
                </c:pt>
                <c:pt idx="37">
                  <c:v>4.1072844643898625</c:v>
                </c:pt>
                <c:pt idx="38">
                  <c:v>3.9335822831003755</c:v>
                </c:pt>
                <c:pt idx="39">
                  <c:v>3.7267948455109132</c:v>
                </c:pt>
                <c:pt idx="40">
                  <c:v>4.1446350777837591</c:v>
                </c:pt>
                <c:pt idx="41">
                  <c:v>3.5830551182847725</c:v>
                </c:pt>
                <c:pt idx="42">
                  <c:v>3.3290223143743232</c:v>
                </c:pt>
                <c:pt idx="43">
                  <c:v>3.1102041288585074</c:v>
                </c:pt>
                <c:pt idx="44">
                  <c:v>3.0830081302553687</c:v>
                </c:pt>
                <c:pt idx="45">
                  <c:v>3.0751034646468467</c:v>
                </c:pt>
                <c:pt idx="46">
                  <c:v>2.9081806492433904</c:v>
                </c:pt>
                <c:pt idx="47">
                  <c:v>2.9580660607062126</c:v>
                </c:pt>
                <c:pt idx="48">
                  <c:v>2.8842965917069319</c:v>
                </c:pt>
                <c:pt idx="49">
                  <c:v>2.8601283063753962</c:v>
                </c:pt>
                <c:pt idx="50">
                  <c:v>2.764566344535544</c:v>
                </c:pt>
                <c:pt idx="51">
                  <c:v>2.6445542778500646</c:v>
                </c:pt>
                <c:pt idx="52">
                  <c:v>2.6499945018093212</c:v>
                </c:pt>
                <c:pt idx="53">
                  <c:v>2.6086626875481551</c:v>
                </c:pt>
                <c:pt idx="54">
                  <c:v>2.5078318110697411</c:v>
                </c:pt>
                <c:pt idx="55">
                  <c:v>2.4369902910579104</c:v>
                </c:pt>
                <c:pt idx="56">
                  <c:v>2.4054285452498272</c:v>
                </c:pt>
                <c:pt idx="57">
                  <c:v>2.3067109018134673</c:v>
                </c:pt>
                <c:pt idx="58">
                  <c:v>2.228992204859471</c:v>
                </c:pt>
                <c:pt idx="59">
                  <c:v>2.1214292715662011</c:v>
                </c:pt>
                <c:pt idx="60">
                  <c:v>2.0472702648302441</c:v>
                </c:pt>
                <c:pt idx="61">
                  <c:v>1.9448936644753088</c:v>
                </c:pt>
                <c:pt idx="62">
                  <c:v>1.863527790375388</c:v>
                </c:pt>
                <c:pt idx="63">
                  <c:v>1.7964650913511879</c:v>
                </c:pt>
                <c:pt idx="64">
                  <c:v>1.7021335525848809</c:v>
                </c:pt>
                <c:pt idx="65">
                  <c:v>1.6174196314091356</c:v>
                </c:pt>
                <c:pt idx="66">
                  <c:v>1.5488138478396116</c:v>
                </c:pt>
                <c:pt idx="67">
                  <c:v>1.4754294509607686</c:v>
                </c:pt>
                <c:pt idx="68">
                  <c:v>1.4101849949983507</c:v>
                </c:pt>
                <c:pt idx="69">
                  <c:v>1.3448763468573235</c:v>
                </c:pt>
                <c:pt idx="70">
                  <c:v>1.2828251900339567</c:v>
                </c:pt>
                <c:pt idx="71">
                  <c:v>1.2342376764062502</c:v>
                </c:pt>
                <c:pt idx="72">
                  <c:v>1.1779728550355699</c:v>
                </c:pt>
                <c:pt idx="73">
                  <c:v>1.130439566204166</c:v>
                </c:pt>
                <c:pt idx="74">
                  <c:v>1.0814763586425449</c:v>
                </c:pt>
                <c:pt idx="75">
                  <c:v>1.0396626445376733</c:v>
                </c:pt>
                <c:pt idx="76">
                  <c:v>0.99543910695898064</c:v>
                </c:pt>
                <c:pt idx="77">
                  <c:v>0.95702791134694787</c:v>
                </c:pt>
                <c:pt idx="78">
                  <c:v>0.9206047887146025</c:v>
                </c:pt>
                <c:pt idx="79">
                  <c:v>0.88607950424166204</c:v>
                </c:pt>
                <c:pt idx="80">
                  <c:v>0.85254125695524086</c:v>
                </c:pt>
                <c:pt idx="81">
                  <c:v>0.82238205838989542</c:v>
                </c:pt>
                <c:pt idx="82">
                  <c:v>0.79541387735854929</c:v>
                </c:pt>
                <c:pt idx="83">
                  <c:v>0.76529371804296142</c:v>
                </c:pt>
                <c:pt idx="84">
                  <c:v>0.73904364214830875</c:v>
                </c:pt>
                <c:pt idx="85">
                  <c:v>0.71349513167186052</c:v>
                </c:pt>
                <c:pt idx="86">
                  <c:v>0.69007247378018666</c:v>
                </c:pt>
                <c:pt idx="87">
                  <c:v>0.66866760852211116</c:v>
                </c:pt>
                <c:pt idx="88">
                  <c:v>0.64779621491199713</c:v>
                </c:pt>
                <c:pt idx="89">
                  <c:v>0.62676877039510459</c:v>
                </c:pt>
                <c:pt idx="90">
                  <c:v>0.60694217666766936</c:v>
                </c:pt>
                <c:pt idx="91">
                  <c:v>0.58826323330683872</c:v>
                </c:pt>
                <c:pt idx="92">
                  <c:v>0.57068145812130167</c:v>
                </c:pt>
                <c:pt idx="93">
                  <c:v>0.5535240638611002</c:v>
                </c:pt>
                <c:pt idx="94">
                  <c:v>0.53739423927060737</c:v>
                </c:pt>
                <c:pt idx="95">
                  <c:v>0.5222474564413937</c:v>
                </c:pt>
                <c:pt idx="96">
                  <c:v>0.50745134116518442</c:v>
                </c:pt>
                <c:pt idx="97">
                  <c:v>0.49357742754894324</c:v>
                </c:pt>
                <c:pt idx="98">
                  <c:v>0.48001766132581436</c:v>
                </c:pt>
                <c:pt idx="99">
                  <c:v>0.46732380431660042</c:v>
                </c:pt>
                <c:pt idx="100">
                  <c:v>0.45491061870357641</c:v>
                </c:pt>
                <c:pt idx="101">
                  <c:v>0.44277216069206449</c:v>
                </c:pt>
                <c:pt idx="102">
                  <c:v>0.4309026301365777</c:v>
                </c:pt>
                <c:pt idx="103">
                  <c:v>0.42033680377521404</c:v>
                </c:pt>
                <c:pt idx="104">
                  <c:v>0.40948100203794507</c:v>
                </c:pt>
                <c:pt idx="105">
                  <c:v>0.39936259197023199</c:v>
                </c:pt>
                <c:pt idx="106">
                  <c:v>0.38945673145691717</c:v>
                </c:pt>
                <c:pt idx="107">
                  <c:v>0.37975906331773435</c:v>
                </c:pt>
                <c:pt idx="108">
                  <c:v>0.37074355714001234</c:v>
                </c:pt>
                <c:pt idx="109">
                  <c:v>0.36191202581410692</c:v>
                </c:pt>
                <c:pt idx="110">
                  <c:v>0.3532607616065746</c:v>
                </c:pt>
                <c:pt idx="111">
                  <c:v>0.34524175684331615</c:v>
                </c:pt>
                <c:pt idx="112">
                  <c:v>0.3369328281533952</c:v>
                </c:pt>
                <c:pt idx="113">
                  <c:v>0.32967632440733002</c:v>
                </c:pt>
                <c:pt idx="114">
                  <c:v>0.32212368867649371</c:v>
                </c:pt>
                <c:pt idx="115">
                  <c:v>0.31514846402466212</c:v>
                </c:pt>
                <c:pt idx="116">
                  <c:v>0.30788491076094626</c:v>
                </c:pt>
                <c:pt idx="117">
                  <c:v>0.30159529284023667</c:v>
                </c:pt>
                <c:pt idx="118">
                  <c:v>0.29501223771850765</c:v>
                </c:pt>
                <c:pt idx="119">
                  <c:v>0.28855489199122164</c:v>
                </c:pt>
                <c:pt idx="120">
                  <c:v>0.28222084137514786</c:v>
                </c:pt>
                <c:pt idx="121">
                  <c:v>0.27639880923628024</c:v>
                </c:pt>
                <c:pt idx="122">
                  <c:v>0.2706838639341736</c:v>
                </c:pt>
                <c:pt idx="123">
                  <c:v>0.26545415845208736</c:v>
                </c:pt>
                <c:pt idx="124">
                  <c:v>0.25994189829911757</c:v>
                </c:pt>
                <c:pt idx="125">
                  <c:v>0.25453087824428439</c:v>
                </c:pt>
                <c:pt idx="126">
                  <c:v>0.24958343039168698</c:v>
                </c:pt>
                <c:pt idx="127">
                  <c:v>0.24472322758825527</c:v>
                </c:pt>
                <c:pt idx="128">
                  <c:v>0.23994866862849643</c:v>
                </c:pt>
                <c:pt idx="129">
                  <c:v>0.23525818641170068</c:v>
                </c:pt>
                <c:pt idx="130">
                  <c:v>0.23065024709960985</c:v>
                </c:pt>
                <c:pt idx="131">
                  <c:v>0.22646351224235636</c:v>
                </c:pt>
                <c:pt idx="132">
                  <c:v>0.22201151473475014</c:v>
                </c:pt>
                <c:pt idx="133">
                  <c:v>0.21796884597159663</c:v>
                </c:pt>
                <c:pt idx="134">
                  <c:v>0.21399411158449472</c:v>
                </c:pt>
                <c:pt idx="135">
                  <c:v>0.21008610568866729</c:v>
                </c:pt>
                <c:pt idx="136">
                  <c:v>0.20624364732338937</c:v>
                </c:pt>
                <c:pt idx="137">
                  <c:v>0.20246557985384886</c:v>
                </c:pt>
                <c:pt idx="138">
                  <c:v>0.19875077038943564</c:v>
                </c:pt>
                <c:pt idx="139">
                  <c:v>0.19509810921795293</c:v>
                </c:pt>
                <c:pt idx="140">
                  <c:v>0.1918089276988888</c:v>
                </c:pt>
                <c:pt idx="141">
                  <c:v>0.18857212484934369</c:v>
                </c:pt>
                <c:pt idx="142">
                  <c:v>0.18509171825858028</c:v>
                </c:pt>
                <c:pt idx="143">
                  <c:v>0.18196059442605919</c:v>
                </c:pt>
                <c:pt idx="144">
                  <c:v>0.17887916357933553</c:v>
                </c:pt>
                <c:pt idx="145">
                  <c:v>0.17584658118048013</c:v>
                </c:pt>
                <c:pt idx="146">
                  <c:v>0.17286201945691626</c:v>
                </c:pt>
                <c:pt idx="147">
                  <c:v>0.16992466701448219</c:v>
                </c:pt>
                <c:pt idx="148">
                  <c:v>0.16703372846072262</c:v>
                </c:pt>
                <c:pt idx="149">
                  <c:v>0.16445925025854147</c:v>
                </c:pt>
                <c:pt idx="150">
                  <c:v>0.16165552007758122</c:v>
                </c:pt>
                <c:pt idx="151">
                  <c:v>0.15889595056066991</c:v>
                </c:pt>
                <c:pt idx="152">
                  <c:v>0.15644108555910577</c:v>
                </c:pt>
                <c:pt idx="153">
                  <c:v>0.1540227868662444</c:v>
                </c:pt>
                <c:pt idx="154">
                  <c:v>0.15138506432910445</c:v>
                </c:pt>
                <c:pt idx="155">
                  <c:v>0.14904101198878314</c:v>
                </c:pt>
                <c:pt idx="156">
                  <c:v>0.14673173807006662</c:v>
                </c:pt>
                <c:pt idx="157">
                  <c:v>0.14445668077475518</c:v>
                </c:pt>
                <c:pt idx="158">
                  <c:v>0.14221528894684549</c:v>
                </c:pt>
                <c:pt idx="159">
                  <c:v>0.14000702183777214</c:v>
                </c:pt>
                <c:pt idx="160">
                  <c:v>0.13783134887758644</c:v>
                </c:pt>
                <c:pt idx="161">
                  <c:v>0.13568774945190151</c:v>
                </c:pt>
                <c:pt idx="162">
                  <c:v>0.13357571268444041</c:v>
                </c:pt>
                <c:pt idx="163">
                  <c:v>0.13172532856562336</c:v>
                </c:pt>
                <c:pt idx="164">
                  <c:v>0.12967232629777065</c:v>
                </c:pt>
                <c:pt idx="165">
                  <c:v>0.12764944065679326</c:v>
                </c:pt>
                <c:pt idx="166">
                  <c:v>0.12587928850799257</c:v>
                </c:pt>
                <c:pt idx="167">
                  <c:v>0.12391271360594895</c:v>
                </c:pt>
                <c:pt idx="168">
                  <c:v>0.12219318657634125</c:v>
                </c:pt>
                <c:pt idx="169">
                  <c:v>0.12028120742950545</c:v>
                </c:pt>
                <c:pt idx="170">
                  <c:v>0.11861073136980296</c:v>
                </c:pt>
                <c:pt idx="171">
                  <c:v>0.1169631053031663</c:v>
                </c:pt>
                <c:pt idx="172">
                  <c:v>0.11533798201693787</c:v>
                </c:pt>
                <c:pt idx="173">
                  <c:v>0.11373502051626823</c:v>
                </c:pt>
                <c:pt idx="174">
                  <c:v>0.11194894507652035</c:v>
                </c:pt>
                <c:pt idx="175">
                  <c:v>0.11039141706184764</c:v>
                </c:pt>
                <c:pt idx="176">
                  <c:v>0.10885504041954644</c:v>
                </c:pt>
                <c:pt idx="177">
                  <c:v>0.10733949808386807</c:v>
                </c:pt>
                <c:pt idx="178">
                  <c:v>0.10584447858200868</c:v>
                </c:pt>
                <c:pt idx="179">
                  <c:v>0.1045643046430707</c:v>
                </c:pt>
                <c:pt idx="180">
                  <c:v>0.1031074235637932</c:v>
                </c:pt>
                <c:pt idx="181">
                  <c:v>0.10167018519431037</c:v>
                </c:pt>
                <c:pt idx="182">
                  <c:v>0.1002522990099818</c:v>
                </c:pt>
                <c:pt idx="183">
                  <c:v>9.8853479535270003E-2</c:v>
                </c:pt>
                <c:pt idx="184">
                  <c:v>9.7658493083994713E-2</c:v>
                </c:pt>
                <c:pt idx="185">
                  <c:v>9.6295080953468101E-2</c:v>
                </c:pt>
                <c:pt idx="186">
                  <c:v>9.5131390663065057E-2</c:v>
                </c:pt>
                <c:pt idx="187">
                  <c:v>9.3802382129674219E-2</c:v>
                </c:pt>
                <c:pt idx="188">
                  <c:v>9.2491124952224099E-2</c:v>
                </c:pt>
                <c:pt idx="189">
                  <c:v>9.1373503000547765E-2</c:v>
                </c:pt>
                <c:pt idx="190">
                  <c:v>9.0095187548387537E-2</c:v>
                </c:pt>
                <c:pt idx="191">
                  <c:v>8.9006626813224091E-2</c:v>
                </c:pt>
                <c:pt idx="192">
                  <c:v>8.7931487697959734E-2</c:v>
                </c:pt>
                <c:pt idx="193">
                  <c:v>8.6699997643377325E-2</c:v>
                </c:pt>
                <c:pt idx="194">
                  <c:v>8.5652695660251355E-2</c:v>
                </c:pt>
                <c:pt idx="195">
                  <c:v>8.4618243770734458E-2</c:v>
                </c:pt>
                <c:pt idx="196">
                  <c:v>8.3596463143894156E-2</c:v>
                </c:pt>
                <c:pt idx="197">
                  <c:v>8.2423881490963316E-2</c:v>
                </c:pt>
                <c:pt idx="198">
                  <c:v>8.1428409995023515E-2</c:v>
                </c:pt>
                <c:pt idx="199">
                  <c:v>8.0445075463715529E-2</c:v>
                </c:pt>
                <c:pt idx="200">
                  <c:v>7.9473710722211696E-2</c:v>
                </c:pt>
                <c:pt idx="201">
                  <c:v>7.8514151321414427E-2</c:v>
                </c:pt>
                <c:pt idx="202">
                  <c:v>7.7566235485996213E-2</c:v>
                </c:pt>
                <c:pt idx="203">
                  <c:v>7.6629804063577861E-2</c:v>
                </c:pt>
                <c:pt idx="204">
                  <c:v>7.5704700475016401E-2</c:v>
                </c:pt>
                <c:pt idx="205">
                  <c:v>7.4790770665775594E-2</c:v>
                </c:pt>
                <c:pt idx="206">
                  <c:v>7.3887863058351946E-2</c:v>
                </c:pt>
                <c:pt idx="207">
                  <c:v>7.2995828505730553E-2</c:v>
                </c:pt>
                <c:pt idx="208">
                  <c:v>7.2114520245846025E-2</c:v>
                </c:pt>
                <c:pt idx="209">
                  <c:v>7.1243793857022578E-2</c:v>
                </c:pt>
                <c:pt idx="210">
                  <c:v>7.038350721437131E-2</c:v>
                </c:pt>
                <c:pt idx="211">
                  <c:v>6.9533520447119954E-2</c:v>
                </c:pt>
                <c:pt idx="212">
                  <c:v>6.8836140018066316E-2</c:v>
                </c:pt>
                <c:pt idx="213">
                  <c:v>6.800506059300887E-2</c:v>
                </c:pt>
                <c:pt idx="214">
                  <c:v>6.7183887163443229E-2</c:v>
                </c:pt>
                <c:pt idx="215">
                  <c:v>6.6372488310370473E-2</c:v>
                </c:pt>
                <c:pt idx="216">
                  <c:v>6.5708271570261489E-2</c:v>
                </c:pt>
                <c:pt idx="217">
                  <c:v>6.4914802912358072E-2</c:v>
                </c:pt>
                <c:pt idx="218">
                  <c:v>6.4130738781179128E-2</c:v>
                </c:pt>
                <c:pt idx="219">
                  <c:v>6.3489971347302943E-2</c:v>
                </c:pt>
                <c:pt idx="220">
                  <c:v>6.2723149403831363E-2</c:v>
                </c:pt>
                <c:pt idx="221">
                  <c:v>6.2097149697776334E-2</c:v>
                </c:pt>
                <c:pt idx="222">
                  <c:v>6.1347136103333512E-2</c:v>
                </c:pt>
                <c:pt idx="223">
                  <c:v>6.0605950642092718E-2</c:v>
                </c:pt>
                <c:pt idx="224">
                  <c:v>6.0001893635460365E-2</c:v>
                </c:pt>
                <c:pt idx="225">
                  <c:v>5.9276879278343846E-2</c:v>
                </c:pt>
                <c:pt idx="226">
                  <c:v>5.8686641055432164E-2</c:v>
                </c:pt>
                <c:pt idx="227">
                  <c:v>5.7977395878949928E-2</c:v>
                </c:pt>
                <c:pt idx="228">
                  <c:v>5.7400620862048904E-2</c:v>
                </c:pt>
                <c:pt idx="229">
                  <c:v>5.6829963390060988E-2</c:v>
                </c:pt>
                <c:pt idx="230">
                  <c:v>5.6143098176385443E-2</c:v>
                </c:pt>
                <c:pt idx="231">
                  <c:v>5.5585399790188054E-2</c:v>
                </c:pt>
                <c:pt idx="232">
                  <c:v>5.4913359953472116E-2</c:v>
                </c:pt>
                <c:pt idx="233">
                  <c:v>5.4368290984838405E-2</c:v>
                </c:pt>
                <c:pt idx="234">
                  <c:v>5.3828954617265355E-2</c:v>
                </c:pt>
                <c:pt idx="235">
                  <c:v>5.3177954831045926E-2</c:v>
                </c:pt>
                <c:pt idx="236">
                  <c:v>5.2650780406004932E-2</c:v>
                </c:pt>
                <c:pt idx="237">
                  <c:v>5.2129122902647748E-2</c:v>
                </c:pt>
                <c:pt idx="238">
                  <c:v>5.1498410771162587E-2</c:v>
                </c:pt>
                <c:pt idx="239">
                  <c:v>5.0988468106277864E-2</c:v>
                </c:pt>
                <c:pt idx="240">
                  <c:v>5.0483836162054034E-2</c:v>
                </c:pt>
                <c:pt idx="241">
                  <c:v>4.9984450837186049E-2</c:v>
                </c:pt>
                <c:pt idx="242">
                  <c:v>4.9379346468799303E-2</c:v>
                </c:pt>
                <c:pt idx="243">
                  <c:v>4.889111511351768E-2</c:v>
                </c:pt>
                <c:pt idx="244">
                  <c:v>4.8407935979510403E-2</c:v>
                </c:pt>
                <c:pt idx="245">
                  <c:v>4.7929748647592391E-2</c:v>
                </c:pt>
                <c:pt idx="246">
                  <c:v>4.7456493559192889E-2</c:v>
                </c:pt>
                <c:pt idx="247">
                  <c:v>4.6988112001983807E-2</c:v>
                </c:pt>
                <c:pt idx="248">
                  <c:v>4.6418748412914358E-2</c:v>
                </c:pt>
                <c:pt idx="249">
                  <c:v>4.5960745676045106E-2</c:v>
                </c:pt>
                <c:pt idx="250">
                  <c:v>4.5507438205161212E-2</c:v>
                </c:pt>
                <c:pt idx="251">
                  <c:v>4.5058770613083499E-2</c:v>
                </c:pt>
                <c:pt idx="252">
                  <c:v>4.4614688289975835E-2</c:v>
                </c:pt>
                <c:pt idx="253">
                  <c:v>4.4175137390560476E-2</c:v>
                </c:pt>
                <c:pt idx="254">
                  <c:v>4.3740064821575331E-2</c:v>
                </c:pt>
                <c:pt idx="255">
                  <c:v>4.330941822946776E-2</c:v>
                </c:pt>
                <c:pt idx="256">
                  <c:v>4.2883145988320395E-2</c:v>
                </c:pt>
                <c:pt idx="257">
                  <c:v>4.2461197188003307E-2</c:v>
                </c:pt>
                <c:pt idx="258">
                  <c:v>4.2043521622548381E-2</c:v>
                </c:pt>
                <c:pt idx="259">
                  <c:v>4.1630069778740703E-2</c:v>
                </c:pt>
                <c:pt idx="260">
                  <c:v>4.1220792824922692E-2</c:v>
                </c:pt>
                <c:pt idx="261">
                  <c:v>4.0815642600006245E-2</c:v>
                </c:pt>
                <c:pt idx="262">
                  <c:v>4.0414571602688694E-2</c:v>
                </c:pt>
                <c:pt idx="263">
                  <c:v>4.0017532980868187E-2</c:v>
                </c:pt>
                <c:pt idx="264">
                  <c:v>3.9624480521254439E-2</c:v>
                </c:pt>
                <c:pt idx="265">
                  <c:v>3.923536863917064E-2</c:v>
                </c:pt>
                <c:pt idx="266">
                  <c:v>3.8850152368542536E-2</c:v>
                </c:pt>
                <c:pt idx="267">
                  <c:v>3.8560434222165714E-2</c:v>
                </c:pt>
                <c:pt idx="268">
                  <c:v>3.8182193930141668E-2</c:v>
                </c:pt>
                <c:pt idx="269">
                  <c:v>3.7807723707736711E-2</c:v>
                </c:pt>
                <c:pt idx="270">
                  <c:v>3.7436980905932803E-2</c:v>
                </c:pt>
                <c:pt idx="271">
                  <c:v>3.7069923447724126E-2</c:v>
                </c:pt>
                <c:pt idx="272">
                  <c:v>3.6706509819138693E-2</c:v>
                </c:pt>
                <c:pt idx="273">
                  <c:v>3.6434440003906846E-2</c:v>
                </c:pt>
                <c:pt idx="274">
                  <c:v>3.6077541955449176E-2</c:v>
                </c:pt>
                <c:pt idx="275">
                  <c:v>3.5724171878101604E-2</c:v>
                </c:pt>
                <c:pt idx="276">
                  <c:v>3.5374290367094954E-2</c:v>
                </c:pt>
                <c:pt idx="277">
                  <c:v>3.5027858538887652E-2</c:v>
                </c:pt>
                <c:pt idx="278">
                  <c:v>3.4769486772648392E-2</c:v>
                </c:pt>
                <c:pt idx="279">
                  <c:v>3.4429215855201076E-2</c:v>
                </c:pt>
                <c:pt idx="280">
                  <c:v>3.4092286139077152E-2</c:v>
                </c:pt>
                <c:pt idx="281">
                  <c:v>3.3841554856785028E-2</c:v>
                </c:pt>
                <c:pt idx="282">
                  <c:v>3.3510588093359626E-2</c:v>
                </c:pt>
                <c:pt idx="283">
                  <c:v>3.3182858149251662E-2</c:v>
                </c:pt>
                <c:pt idx="284">
                  <c:v>3.2939511228640125E-2</c:v>
                </c:pt>
                <c:pt idx="285">
                  <c:v>3.2617553845821094E-2</c:v>
                </c:pt>
                <c:pt idx="286">
                  <c:v>3.2298732817725981E-2</c:v>
                </c:pt>
                <c:pt idx="287">
                  <c:v>3.2062524163766884E-2</c:v>
                </c:pt>
                <c:pt idx="288">
                  <c:v>3.1749292534043627E-2</c:v>
                </c:pt>
                <c:pt idx="289">
                  <c:v>3.1439100539104314E-2</c:v>
                </c:pt>
                <c:pt idx="290">
                  <c:v>3.1209793629391254E-2</c:v>
                </c:pt>
                <c:pt idx="291">
                  <c:v>3.0905014777570381E-2</c:v>
                </c:pt>
                <c:pt idx="292">
                  <c:v>3.0680026540212138E-2</c:v>
                </c:pt>
                <c:pt idx="293">
                  <c:v>3.0380549874891472E-2</c:v>
                </c:pt>
                <c:pt idx="294">
                  <c:v>3.0083961009599623E-2</c:v>
                </c:pt>
                <c:pt idx="295">
                  <c:v>2.9865504268595685E-2</c:v>
                </c:pt>
                <c:pt idx="296">
                  <c:v>2.9574052094099773E-2</c:v>
                </c:pt>
                <c:pt idx="297">
                  <c:v>2.9359681427115487E-2</c:v>
                </c:pt>
                <c:pt idx="298">
                  <c:v>2.9073261758914289E-2</c:v>
                </c:pt>
                <c:pt idx="299">
                  <c:v>2.8862889702735706E-2</c:v>
                </c:pt>
                <c:pt idx="300">
                  <c:v>2.8581400896651264E-2</c:v>
                </c:pt>
                <c:pt idx="301">
                  <c:v>2.8374942189479675E-2</c:v>
                </c:pt>
                <c:pt idx="302">
                  <c:v>2.8098285068754357E-2</c:v>
                </c:pt>
                <c:pt idx="303">
                  <c:v>2.7895656585746761E-2</c:v>
                </c:pt>
                <c:pt idx="304">
                  <c:v>2.7623734370551187E-2</c:v>
                </c:pt>
                <c:pt idx="305">
                  <c:v>2.742485506152121E-2</c:v>
                </c:pt>
                <c:pt idx="306">
                  <c:v>2.7157573300782903E-2</c:v>
                </c:pt>
                <c:pt idx="307">
                  <c:v>2.6962364129980768E-2</c:v>
                </c:pt>
                <c:pt idx="308">
                  <c:v>2.6768755863834034E-2</c:v>
                </c:pt>
                <c:pt idx="309">
                  <c:v>2.6508014523339906E-2</c:v>
                </c:pt>
                <c:pt idx="310">
                  <c:v>2.631796472031284E-2</c:v>
                </c:pt>
                <c:pt idx="311">
                  <c:v>2.6061641072770123E-2</c:v>
                </c:pt>
                <c:pt idx="312">
                  <c:v>2.587507542006523E-2</c:v>
                </c:pt>
                <c:pt idx="313">
                  <c:v>2.5690027260240667E-2</c:v>
                </c:pt>
                <c:pt idx="314">
                  <c:v>2.5439928597475604E-2</c:v>
                </c:pt>
                <c:pt idx="315">
                  <c:v>2.5258259591608531E-2</c:v>
                </c:pt>
                <c:pt idx="316">
                  <c:v>2.5012368705529992E-2</c:v>
                </c:pt>
                <c:pt idx="317">
                  <c:v>2.4834008936158301E-2</c:v>
                </c:pt>
                <c:pt idx="318">
                  <c:v>2.4657088294366501E-2</c:v>
                </c:pt>
                <c:pt idx="319">
                  <c:v>2.4417125153793681E-2</c:v>
                </c:pt>
                <c:pt idx="320">
                  <c:v>2.4243414968200528E-2</c:v>
                </c:pt>
                <c:pt idx="321">
                  <c:v>2.4071099706064861E-2</c:v>
                </c:pt>
                <c:pt idx="322">
                  <c:v>2.383689611139193E-2</c:v>
                </c:pt>
                <c:pt idx="323">
                  <c:v>2.3667696015310793E-2</c:v>
                </c:pt>
                <c:pt idx="324">
                  <c:v>2.3499848226381858E-2</c:v>
                </c:pt>
                <c:pt idx="325">
                  <c:v>2.3333339747213484E-2</c:v>
                </c:pt>
                <c:pt idx="326">
                  <c:v>2.3106417164815863E-2</c:v>
                </c:pt>
                <c:pt idx="327">
                  <c:v>2.2942903810727007E-2</c:v>
                </c:pt>
                <c:pt idx="328">
                  <c:v>2.2780689140568293E-2</c:v>
                </c:pt>
                <c:pt idx="329">
                  <c:v>2.2619760769862753E-2</c:v>
                </c:pt>
                <c:pt idx="330">
                  <c:v>2.239985133540142E-2</c:v>
                </c:pt>
                <c:pt idx="331">
                  <c:v>2.2241803543339163E-2</c:v>
                </c:pt>
                <c:pt idx="332">
                  <c:v>2.2085003307452337E-2</c:v>
                </c:pt>
                <c:pt idx="333">
                  <c:v>2.1929438822784177E-2</c:v>
                </c:pt>
                <c:pt idx="334">
                  <c:v>2.177509841884618E-2</c:v>
                </c:pt>
                <c:pt idx="335">
                  <c:v>2.156349331465E-2</c:v>
                </c:pt>
                <c:pt idx="336">
                  <c:v>2.1411898852445235E-2</c:v>
                </c:pt>
                <c:pt idx="337">
                  <c:v>2.1261491922729778E-2</c:v>
                </c:pt>
                <c:pt idx="338">
                  <c:v>2.1112261395928519E-2</c:v>
                </c:pt>
                <c:pt idx="339">
                  <c:v>2.0964196267959069E-2</c:v>
                </c:pt>
                <c:pt idx="340">
                  <c:v>2.0817285658565263E-2</c:v>
                </c:pt>
                <c:pt idx="341">
                  <c:v>2.0615077829021236E-2</c:v>
                </c:pt>
                <c:pt idx="342">
                  <c:v>2.0470762389381565E-2</c:v>
                </c:pt>
                <c:pt idx="343">
                  <c:v>2.032756735212024E-2</c:v>
                </c:pt>
                <c:pt idx="344">
                  <c:v>2.0185482335585748E-2</c:v>
                </c:pt>
                <c:pt idx="345">
                  <c:v>2.0044497073783689E-2</c:v>
                </c:pt>
                <c:pt idx="346">
                  <c:v>1.9904601414859762E-2</c:v>
                </c:pt>
                <c:pt idx="347">
                  <c:v>1.9765785319605711E-2</c:v>
                </c:pt>
                <c:pt idx="348">
                  <c:v>1.9628038859987842E-2</c:v>
                </c:pt>
                <c:pt idx="349">
                  <c:v>1.9491352217697686E-2</c:v>
                </c:pt>
                <c:pt idx="350">
                  <c:v>1.9355715682724525E-2</c:v>
                </c:pt>
                <c:pt idx="351">
                  <c:v>1.9167838680616694E-2</c:v>
                </c:pt>
                <c:pt idx="352">
                  <c:v>1.9034570462810547E-2</c:v>
                </c:pt>
                <c:pt idx="353">
                  <c:v>1.8902321843368822E-2</c:v>
                </c:pt>
                <c:pt idx="354">
                  <c:v>1.877108354906834E-2</c:v>
                </c:pt>
                <c:pt idx="355">
                  <c:v>1.8640846407974584E-2</c:v>
                </c:pt>
                <c:pt idx="356">
                  <c:v>1.8511601348139676E-2</c:v>
                </c:pt>
                <c:pt idx="357">
                  <c:v>1.838333939631976E-2</c:v>
                </c:pt>
                <c:pt idx="358">
                  <c:v>1.8256051676711224E-2</c:v>
                </c:pt>
                <c:pt idx="359">
                  <c:v>1.8129729409705728E-2</c:v>
                </c:pt>
                <c:pt idx="360">
                  <c:v>1.8004363910663457E-2</c:v>
                </c:pt>
                <c:pt idx="361">
                  <c:v>1.7879946588704492E-2</c:v>
                </c:pt>
                <c:pt idx="362">
                  <c:v>1.775646894551787E-2</c:v>
                </c:pt>
                <c:pt idx="363">
                  <c:v>1.7633922574188117E-2</c:v>
                </c:pt>
                <c:pt idx="364">
                  <c:v>1.7512299158038935E-2</c:v>
                </c:pt>
                <c:pt idx="365">
                  <c:v>1.7391590469493755E-2</c:v>
                </c:pt>
                <c:pt idx="366">
                  <c:v>1.7271788368952833E-2</c:v>
                </c:pt>
                <c:pt idx="367">
                  <c:v>1.7152884803686753E-2</c:v>
                </c:pt>
                <c:pt idx="368">
                  <c:v>1.7034871806745934E-2</c:v>
                </c:pt>
                <c:pt idx="369">
                  <c:v>1.691774149588585E-2</c:v>
                </c:pt>
                <c:pt idx="370">
                  <c:v>1.6801486072507921E-2</c:v>
                </c:pt>
                <c:pt idx="371">
                  <c:v>1.6686097820615545E-2</c:v>
                </c:pt>
                <c:pt idx="372">
                  <c:v>1.6571569105785222E-2</c:v>
                </c:pt>
                <c:pt idx="373">
                  <c:v>1.6457892374152409E-2</c:v>
                </c:pt>
                <c:pt idx="374">
                  <c:v>1.6391994973350685E-2</c:v>
                </c:pt>
                <c:pt idx="375">
                  <c:v>1.6279745291046945E-2</c:v>
                </c:pt>
                <c:pt idx="376">
                  <c:v>1.6168327060283521E-2</c:v>
                </c:pt>
                <c:pt idx="377">
                  <c:v>1.6057733025859743E-2</c:v>
                </c:pt>
                <c:pt idx="378">
                  <c:v>1.5947956008416055E-2</c:v>
                </c:pt>
                <c:pt idx="379">
                  <c:v>1.5838988903502011E-2</c:v>
                </c:pt>
                <c:pt idx="380">
                  <c:v>1.5730824680657347E-2</c:v>
                </c:pt>
                <c:pt idx="381">
                  <c:v>1.5623456382506217E-2</c:v>
                </c:pt>
                <c:pt idx="382">
                  <c:v>1.5516877123864049E-2</c:v>
                </c:pt>
                <c:pt idx="383">
                  <c:v>1.541108009085709E-2</c:v>
                </c:pt>
                <c:pt idx="384">
                  <c:v>1.5306058540054289E-2</c:v>
                </c:pt>
                <c:pt idx="385">
                  <c:v>1.5246093627896211E-2</c:v>
                </c:pt>
                <c:pt idx="386">
                  <c:v>1.5142365753649507E-2</c:v>
                </c:pt>
                <c:pt idx="387">
                  <c:v>1.5039395059950516E-2</c:v>
                </c:pt>
                <c:pt idx="388">
                  <c:v>1.4937175064413619E-2</c:v>
                </c:pt>
                <c:pt idx="389">
                  <c:v>1.4835699351056471E-2</c:v>
                </c:pt>
                <c:pt idx="390">
                  <c:v>1.4734961569500649E-2</c:v>
                </c:pt>
                <c:pt idx="391">
                  <c:v>1.4677904656686834E-2</c:v>
                </c:pt>
                <c:pt idx="392">
                  <c:v>1.457839527284681E-2</c:v>
                </c:pt>
                <c:pt idx="393">
                  <c:v>1.4479606599451182E-2</c:v>
                </c:pt>
                <c:pt idx="394">
                  <c:v>1.4381532529179704E-2</c:v>
                </c:pt>
                <c:pt idx="395">
                  <c:v>1.4284167016596351E-2</c:v>
                </c:pt>
                <c:pt idx="396">
                  <c:v>1.4187504077412707E-2</c:v>
                </c:pt>
                <c:pt idx="397">
                  <c:v>1.4133197891534853E-2</c:v>
                </c:pt>
                <c:pt idx="398">
                  <c:v>1.4037701971492443E-2</c:v>
                </c:pt>
                <c:pt idx="399">
                  <c:v>1.3942892409160954E-2</c:v>
                </c:pt>
                <c:pt idx="400">
                  <c:v>1.3848763446745561E-2</c:v>
                </c:pt>
              </c:numCache>
            </c:numRef>
          </c:yVal>
          <c:smooth val="1"/>
          <c:extLst>
            <c:ext xmlns:c16="http://schemas.microsoft.com/office/drawing/2014/chart" uri="{C3380CC4-5D6E-409C-BE32-E72D297353CC}">
              <c16:uniqueId val="{00000001-C7C9-4B81-A108-A42B527F75A4}"/>
            </c:ext>
          </c:extLst>
        </c:ser>
        <c:dLbls>
          <c:showLegendKey val="0"/>
          <c:showVal val="0"/>
          <c:showCatName val="0"/>
          <c:showSerName val="0"/>
          <c:showPercent val="0"/>
          <c:showBubbleSize val="0"/>
        </c:dLbls>
        <c:axId val="287179136"/>
        <c:axId val="287181056"/>
      </c:scatterChart>
      <c:valAx>
        <c:axId val="287179136"/>
        <c:scaling>
          <c:orientation val="minMax"/>
          <c:max val="4"/>
          <c:min val="1"/>
        </c:scaling>
        <c:delete val="0"/>
        <c:axPos val="b"/>
        <c:title>
          <c:tx>
            <c:rich>
              <a:bodyPr/>
              <a:lstStyle/>
              <a:p>
                <a:pPr>
                  <a:defRPr/>
                </a:pPr>
                <a:r>
                  <a:rPr lang="en-US"/>
                  <a:t>hv(eV)</a:t>
                </a:r>
              </a:p>
            </c:rich>
          </c:tx>
          <c:overlay val="0"/>
        </c:title>
        <c:numFmt formatCode="General" sourceLinked="1"/>
        <c:majorTickMark val="in"/>
        <c:minorTickMark val="in"/>
        <c:tickLblPos val="nextTo"/>
        <c:crossAx val="287181056"/>
        <c:crosses val="autoZero"/>
        <c:crossBetween val="midCat"/>
      </c:valAx>
      <c:valAx>
        <c:axId val="287181056"/>
        <c:scaling>
          <c:orientation val="minMax"/>
          <c:max val="3"/>
        </c:scaling>
        <c:delete val="0"/>
        <c:axPos val="l"/>
        <c:title>
          <c:tx>
            <c:rich>
              <a:bodyPr/>
              <a:lstStyle/>
              <a:p>
                <a:pPr>
                  <a:defRPr/>
                </a:pPr>
                <a:r>
                  <a:rPr lang="el-GR" sz="900">
                    <a:latin typeface="Times New Roman"/>
                    <a:cs typeface="Times New Roman"/>
                  </a:rPr>
                  <a:t>α</a:t>
                </a:r>
                <a:r>
                  <a:rPr lang="en-US" sz="900">
                    <a:latin typeface="Times New Roman"/>
                    <a:cs typeface="Times New Roman"/>
                  </a:rPr>
                  <a:t>hv)^2</a:t>
                </a:r>
                <a:r>
                  <a:rPr lang="en-US" sz="900" baseline="0">
                    <a:latin typeface="Times New Roman"/>
                    <a:cs typeface="Times New Roman"/>
                  </a:rPr>
                  <a:t> *10^-10(cm^-1*eV)^2</a:t>
                </a:r>
                <a:endParaRPr lang="en-US" sz="900"/>
              </a:p>
            </c:rich>
          </c:tx>
          <c:overlay val="0"/>
        </c:title>
        <c:numFmt formatCode="General" sourceLinked="1"/>
        <c:majorTickMark val="none"/>
        <c:minorTickMark val="none"/>
        <c:tickLblPos val="nextTo"/>
        <c:crossAx val="287179136"/>
        <c:crosses val="autoZero"/>
        <c:crossBetween val="midCat"/>
      </c:valAx>
    </c:plotArea>
    <c:legend>
      <c:legendPos val="r"/>
      <c:layout>
        <c:manualLayout>
          <c:xMode val="edge"/>
          <c:yMode val="edge"/>
          <c:x val="0.25320260746628587"/>
          <c:y val="0.13049564456616833"/>
          <c:w val="0.27699913694043432"/>
          <c:h val="0.21867517804916486"/>
        </c:manualLayout>
      </c:layout>
      <c:overlay val="0"/>
    </c:legend>
    <c:plotVisOnly val="1"/>
    <c:dispBlanksAs val="gap"/>
    <c:showDLblsOverMax val="0"/>
  </c:chart>
  <c:externalData r:id="rId2">
    <c:autoUpdate val="0"/>
  </c:externalData>
  <c:userShapes r:id="rId3"/>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1468263288604816"/>
          <c:y val="3.6344174369508167E-2"/>
          <c:w val="0.75047212008034447"/>
          <c:h val="0.77829190916352842"/>
        </c:manualLayout>
      </c:layout>
      <c:scatterChart>
        <c:scatterStyle val="smoothMarker"/>
        <c:varyColors val="0"/>
        <c:ser>
          <c:idx val="0"/>
          <c:order val="0"/>
          <c:marker>
            <c:symbol val="none"/>
          </c:marker>
          <c:xVal>
            <c:numRef>
              <c:f>Sheet1!$A$10:$A$12</c:f>
              <c:numCache>
                <c:formatCode>General</c:formatCode>
                <c:ptCount val="3"/>
                <c:pt idx="0">
                  <c:v>35</c:v>
                </c:pt>
                <c:pt idx="1">
                  <c:v>100</c:v>
                </c:pt>
                <c:pt idx="2">
                  <c:v>200</c:v>
                </c:pt>
              </c:numCache>
            </c:numRef>
          </c:xVal>
          <c:yVal>
            <c:numRef>
              <c:f>Sheet1!$E$10:$E$12</c:f>
              <c:numCache>
                <c:formatCode>General</c:formatCode>
                <c:ptCount val="3"/>
                <c:pt idx="0">
                  <c:v>27</c:v>
                </c:pt>
                <c:pt idx="1">
                  <c:v>28.8</c:v>
                </c:pt>
                <c:pt idx="2">
                  <c:v>22.5</c:v>
                </c:pt>
              </c:numCache>
            </c:numRef>
          </c:yVal>
          <c:smooth val="1"/>
          <c:extLst>
            <c:ext xmlns:c16="http://schemas.microsoft.com/office/drawing/2014/chart" uri="{C3380CC4-5D6E-409C-BE32-E72D297353CC}">
              <c16:uniqueId val="{00000000-59F2-4C84-9D15-4F8CA49A6A33}"/>
            </c:ext>
          </c:extLst>
        </c:ser>
        <c:dLbls>
          <c:showLegendKey val="0"/>
          <c:showVal val="0"/>
          <c:showCatName val="0"/>
          <c:showSerName val="0"/>
          <c:showPercent val="0"/>
          <c:showBubbleSize val="0"/>
        </c:dLbls>
        <c:axId val="292562816"/>
        <c:axId val="292564992"/>
      </c:scatterChart>
      <c:scatterChart>
        <c:scatterStyle val="smoothMarker"/>
        <c:varyColors val="0"/>
        <c:ser>
          <c:idx val="1"/>
          <c:order val="1"/>
          <c:marker>
            <c:symbol val="none"/>
          </c:marker>
          <c:xVal>
            <c:numRef>
              <c:f>Sheet1!$A$10:$A$12</c:f>
              <c:numCache>
                <c:formatCode>General</c:formatCode>
                <c:ptCount val="3"/>
                <c:pt idx="0">
                  <c:v>35</c:v>
                </c:pt>
                <c:pt idx="1">
                  <c:v>100</c:v>
                </c:pt>
                <c:pt idx="2">
                  <c:v>200</c:v>
                </c:pt>
              </c:numCache>
            </c:numRef>
          </c:xVal>
          <c:yVal>
            <c:numRef>
              <c:f>Sheet1!$F$10:$F$12</c:f>
              <c:numCache>
                <c:formatCode>General</c:formatCode>
                <c:ptCount val="3"/>
                <c:pt idx="0">
                  <c:v>45</c:v>
                </c:pt>
                <c:pt idx="1">
                  <c:v>35.1</c:v>
                </c:pt>
                <c:pt idx="2">
                  <c:v>49.5</c:v>
                </c:pt>
              </c:numCache>
            </c:numRef>
          </c:yVal>
          <c:smooth val="1"/>
          <c:extLst>
            <c:ext xmlns:c16="http://schemas.microsoft.com/office/drawing/2014/chart" uri="{C3380CC4-5D6E-409C-BE32-E72D297353CC}">
              <c16:uniqueId val="{00000001-59F2-4C84-9D15-4F8CA49A6A33}"/>
            </c:ext>
          </c:extLst>
        </c:ser>
        <c:dLbls>
          <c:showLegendKey val="0"/>
          <c:showVal val="0"/>
          <c:showCatName val="0"/>
          <c:showSerName val="0"/>
          <c:showPercent val="0"/>
          <c:showBubbleSize val="0"/>
        </c:dLbls>
        <c:axId val="292573184"/>
        <c:axId val="292566912"/>
      </c:scatterChart>
      <c:valAx>
        <c:axId val="292562816"/>
        <c:scaling>
          <c:orientation val="minMax"/>
        </c:scaling>
        <c:delete val="0"/>
        <c:axPos val="b"/>
        <c:title>
          <c:tx>
            <c:rich>
              <a:bodyPr/>
              <a:lstStyle/>
              <a:p>
                <a:pPr>
                  <a:defRPr/>
                </a:pPr>
                <a:r>
                  <a:rPr lang="en-US"/>
                  <a:t>Operation Temperature (</a:t>
                </a:r>
                <a:r>
                  <a:rPr lang="en-US" baseline="30000"/>
                  <a:t>o</a:t>
                </a:r>
                <a:r>
                  <a:rPr lang="en-US"/>
                  <a:t>C) </a:t>
                </a:r>
              </a:p>
            </c:rich>
          </c:tx>
          <c:overlay val="0"/>
        </c:title>
        <c:numFmt formatCode="General" sourceLinked="1"/>
        <c:majorTickMark val="none"/>
        <c:minorTickMark val="none"/>
        <c:tickLblPos val="nextTo"/>
        <c:spPr>
          <a:ln>
            <a:solidFill>
              <a:schemeClr val="tx1"/>
            </a:solidFill>
          </a:ln>
        </c:spPr>
        <c:crossAx val="292564992"/>
        <c:crosses val="autoZero"/>
        <c:crossBetween val="midCat"/>
      </c:valAx>
      <c:valAx>
        <c:axId val="292564992"/>
        <c:scaling>
          <c:orientation val="minMax"/>
          <c:min val="21"/>
        </c:scaling>
        <c:delete val="0"/>
        <c:axPos val="l"/>
        <c:title>
          <c:tx>
            <c:rich>
              <a:bodyPr/>
              <a:lstStyle/>
              <a:p>
                <a:pPr>
                  <a:defRPr/>
                </a:pPr>
                <a:r>
                  <a:rPr lang="en-US"/>
                  <a:t>Responce Time (S)</a:t>
                </a:r>
              </a:p>
            </c:rich>
          </c:tx>
          <c:overlay val="0"/>
        </c:title>
        <c:numFmt formatCode="General" sourceLinked="1"/>
        <c:majorTickMark val="none"/>
        <c:minorTickMark val="none"/>
        <c:tickLblPos val="nextTo"/>
        <c:crossAx val="292562816"/>
        <c:crosses val="autoZero"/>
        <c:crossBetween val="midCat"/>
      </c:valAx>
      <c:valAx>
        <c:axId val="292566912"/>
        <c:scaling>
          <c:orientation val="minMax"/>
        </c:scaling>
        <c:delete val="0"/>
        <c:axPos val="r"/>
        <c:title>
          <c:tx>
            <c:rich>
              <a:bodyPr rot="-5400000" vert="horz"/>
              <a:lstStyle/>
              <a:p>
                <a:pPr>
                  <a:defRPr/>
                </a:pPr>
                <a:r>
                  <a:rPr lang="en-US"/>
                  <a:t>Recovery Time (S)</a:t>
                </a:r>
              </a:p>
            </c:rich>
          </c:tx>
          <c:overlay val="0"/>
        </c:title>
        <c:numFmt formatCode="General" sourceLinked="1"/>
        <c:majorTickMark val="out"/>
        <c:minorTickMark val="none"/>
        <c:tickLblPos val="nextTo"/>
        <c:crossAx val="292573184"/>
        <c:crosses val="max"/>
        <c:crossBetween val="midCat"/>
      </c:valAx>
      <c:valAx>
        <c:axId val="292573184"/>
        <c:scaling>
          <c:orientation val="minMax"/>
        </c:scaling>
        <c:delete val="1"/>
        <c:axPos val="b"/>
        <c:numFmt formatCode="General" sourceLinked="1"/>
        <c:majorTickMark val="out"/>
        <c:minorTickMark val="none"/>
        <c:tickLblPos val="none"/>
        <c:crossAx val="292566912"/>
        <c:crosses val="autoZero"/>
        <c:crossBetween val="midCat"/>
      </c:valAx>
    </c:plotArea>
    <c:plotVisOnly val="1"/>
    <c:dispBlanksAs val="gap"/>
    <c:showDLblsOverMax val="0"/>
  </c:chart>
  <c:externalData r:id="rId2">
    <c:autoUpdate val="0"/>
  </c:externalData>
  <c:userShapes r:id="rId3"/>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4518993662377569"/>
          <c:y val="6.3533732103229587E-2"/>
          <c:w val="0.79431163399094351"/>
          <c:h val="0.7547874189567364"/>
        </c:manualLayout>
      </c:layout>
      <c:scatterChart>
        <c:scatterStyle val="smoothMarker"/>
        <c:varyColors val="0"/>
        <c:ser>
          <c:idx val="0"/>
          <c:order val="0"/>
          <c:marker>
            <c:symbol val="none"/>
          </c:marker>
          <c:xVal>
            <c:numRef>
              <c:f>Sheet1!$A$4:$A$6</c:f>
              <c:numCache>
                <c:formatCode>General</c:formatCode>
                <c:ptCount val="3"/>
                <c:pt idx="0">
                  <c:v>35</c:v>
                </c:pt>
                <c:pt idx="1">
                  <c:v>100</c:v>
                </c:pt>
                <c:pt idx="2">
                  <c:v>200</c:v>
                </c:pt>
              </c:numCache>
            </c:numRef>
          </c:xVal>
          <c:yVal>
            <c:numRef>
              <c:f>Sheet1!$D$4:$D$6</c:f>
              <c:numCache>
                <c:formatCode>General</c:formatCode>
                <c:ptCount val="3"/>
                <c:pt idx="0">
                  <c:v>0.25839793281654111</c:v>
                </c:pt>
                <c:pt idx="1">
                  <c:v>0.42674253200568074</c:v>
                </c:pt>
                <c:pt idx="2">
                  <c:v>0.80645161290322642</c:v>
                </c:pt>
              </c:numCache>
            </c:numRef>
          </c:yVal>
          <c:smooth val="1"/>
          <c:extLst>
            <c:ext xmlns:c16="http://schemas.microsoft.com/office/drawing/2014/chart" uri="{C3380CC4-5D6E-409C-BE32-E72D297353CC}">
              <c16:uniqueId val="{00000000-2243-40F7-AC4B-C2AA73309D0D}"/>
            </c:ext>
          </c:extLst>
        </c:ser>
        <c:dLbls>
          <c:showLegendKey val="0"/>
          <c:showVal val="0"/>
          <c:showCatName val="0"/>
          <c:showSerName val="0"/>
          <c:showPercent val="0"/>
          <c:showBubbleSize val="0"/>
        </c:dLbls>
        <c:axId val="287020160"/>
        <c:axId val="287022080"/>
      </c:scatterChart>
      <c:valAx>
        <c:axId val="287020160"/>
        <c:scaling>
          <c:orientation val="minMax"/>
        </c:scaling>
        <c:delete val="0"/>
        <c:axPos val="b"/>
        <c:title>
          <c:tx>
            <c:rich>
              <a:bodyPr/>
              <a:lstStyle/>
              <a:p>
                <a:pPr>
                  <a:defRPr/>
                </a:pPr>
                <a:r>
                  <a:rPr lang="en-US"/>
                  <a:t>Operation temperature (</a:t>
                </a:r>
                <a:r>
                  <a:rPr lang="en-US" baseline="30000"/>
                  <a:t>o</a:t>
                </a:r>
                <a:r>
                  <a:rPr lang="en-US"/>
                  <a:t>C) </a:t>
                </a:r>
                <a:endParaRPr lang="ar-IQ"/>
              </a:p>
            </c:rich>
          </c:tx>
          <c:overlay val="0"/>
        </c:title>
        <c:numFmt formatCode="General" sourceLinked="1"/>
        <c:majorTickMark val="none"/>
        <c:minorTickMark val="none"/>
        <c:tickLblPos val="nextTo"/>
        <c:crossAx val="287022080"/>
        <c:crosses val="autoZero"/>
        <c:crossBetween val="midCat"/>
      </c:valAx>
      <c:valAx>
        <c:axId val="287022080"/>
        <c:scaling>
          <c:orientation val="minMax"/>
          <c:min val="0"/>
        </c:scaling>
        <c:delete val="0"/>
        <c:axPos val="l"/>
        <c:title>
          <c:tx>
            <c:rich>
              <a:bodyPr/>
              <a:lstStyle/>
              <a:p>
                <a:pPr>
                  <a:defRPr/>
                </a:pPr>
                <a:r>
                  <a:rPr lang="en-US"/>
                  <a:t>Sensitivity (%)</a:t>
                </a:r>
                <a:endParaRPr lang="ar-IQ"/>
              </a:p>
            </c:rich>
          </c:tx>
          <c:layout>
            <c:manualLayout>
              <c:xMode val="edge"/>
              <c:yMode val="edge"/>
              <c:x val="2.3894862604540025E-2"/>
              <c:y val="0.34506079597193207"/>
            </c:manualLayout>
          </c:layout>
          <c:overlay val="0"/>
        </c:title>
        <c:numFmt formatCode="General" sourceLinked="0"/>
        <c:majorTickMark val="none"/>
        <c:minorTickMark val="none"/>
        <c:tickLblPos val="nextTo"/>
        <c:crossAx val="287020160"/>
        <c:crosses val="autoZero"/>
        <c:crossBetween val="midCat"/>
      </c:valAx>
      <c:spPr>
        <a:noFill/>
        <a:ln w="25400">
          <a:noFill/>
        </a:ln>
      </c:spPr>
    </c:plotArea>
    <c:plotVisOnly val="1"/>
    <c:dispBlanksAs val="gap"/>
    <c:showDLblsOverMax val="0"/>
  </c:chart>
  <c:externalData r:id="rId2">
    <c:autoUpdate val="0"/>
  </c:externalData>
  <c:userShapes r:id="rId3"/>
</c:chartSpace>
</file>

<file path=word/drawings/drawing1.xml><?xml version="1.0" encoding="utf-8"?>
<c:userShapes xmlns:c="http://schemas.openxmlformats.org/drawingml/2006/chart">
  <cdr:relSizeAnchor xmlns:cdr="http://schemas.openxmlformats.org/drawingml/2006/chartDrawing">
    <cdr:from>
      <cdr:x>0.69425</cdr:x>
      <cdr:y>0.17865</cdr:y>
    </cdr:from>
    <cdr:to>
      <cdr:x>0.78736</cdr:x>
      <cdr:y>0.904</cdr:y>
    </cdr:to>
    <cdr:cxnSp macro="">
      <cdr:nvCxnSpPr>
        <cdr:cNvPr id="3" name="Straight Connector 2"/>
        <cdr:cNvCxnSpPr/>
      </cdr:nvCxnSpPr>
      <cdr:spPr>
        <a:xfrm xmlns:a="http://schemas.openxmlformats.org/drawingml/2006/main" flipH="1">
          <a:off x="2666246" y="375718"/>
          <a:ext cx="357611" cy="1525509"/>
        </a:xfrm>
        <a:prstGeom xmlns:a="http://schemas.openxmlformats.org/drawingml/2006/main" prst="line">
          <a:avLst/>
        </a:prstGeom>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62117</cdr:x>
      <cdr:y>0.17865</cdr:y>
    </cdr:from>
    <cdr:to>
      <cdr:x>0.77558</cdr:x>
      <cdr:y>0.84804</cdr:y>
    </cdr:to>
    <cdr:cxnSp macro="">
      <cdr:nvCxnSpPr>
        <cdr:cNvPr id="5" name="Straight Connector 4"/>
        <cdr:cNvCxnSpPr/>
      </cdr:nvCxnSpPr>
      <cdr:spPr>
        <a:xfrm xmlns:a="http://schemas.openxmlformats.org/drawingml/2006/main" flipH="1">
          <a:off x="2385589" y="375718"/>
          <a:ext cx="593001" cy="1407814"/>
        </a:xfrm>
        <a:prstGeom xmlns:a="http://schemas.openxmlformats.org/drawingml/2006/main" prst="line">
          <a:avLst/>
        </a:prstGeom>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word/drawings/drawing2.xml><?xml version="1.0" encoding="utf-8"?>
<c:userShapes xmlns:c="http://schemas.openxmlformats.org/drawingml/2006/chart">
  <cdr:relSizeAnchor xmlns:cdr="http://schemas.openxmlformats.org/drawingml/2006/chartDrawing">
    <cdr:from>
      <cdr:x>0.2625</cdr:x>
      <cdr:y>0.09028</cdr:y>
    </cdr:from>
    <cdr:to>
      <cdr:x>0.40417</cdr:x>
      <cdr:y>0.22917</cdr:y>
    </cdr:to>
    <cdr:sp macro="" textlink="">
      <cdr:nvSpPr>
        <cdr:cNvPr id="2" name="مربع نص 1"/>
        <cdr:cNvSpPr txBox="1"/>
      </cdr:nvSpPr>
      <cdr:spPr>
        <a:xfrm xmlns:a="http://schemas.openxmlformats.org/drawingml/2006/main">
          <a:off x="1200150" y="247650"/>
          <a:ext cx="647700" cy="381000"/>
        </a:xfrm>
        <a:prstGeom xmlns:a="http://schemas.openxmlformats.org/drawingml/2006/main" prst="rect">
          <a:avLst/>
        </a:prstGeom>
      </cdr:spPr>
      <cdr:txBody>
        <a:bodyPr xmlns:a="http://schemas.openxmlformats.org/drawingml/2006/main" vertOverflow="clip" wrap="square" rtlCol="1"/>
        <a:lstStyle xmlns:a="http://schemas.openxmlformats.org/drawingml/2006/main"/>
        <a:p xmlns:a="http://schemas.openxmlformats.org/drawingml/2006/main">
          <a:endParaRPr lang="ar-IQ" sz="1400"/>
        </a:p>
      </cdr:txBody>
    </cdr:sp>
  </cdr:relSizeAnchor>
  <cdr:relSizeAnchor xmlns:cdr="http://schemas.openxmlformats.org/drawingml/2006/chartDrawing">
    <cdr:from>
      <cdr:x>0.2625</cdr:x>
      <cdr:y>0.09028</cdr:y>
    </cdr:from>
    <cdr:to>
      <cdr:x>0.40417</cdr:x>
      <cdr:y>0.22917</cdr:y>
    </cdr:to>
    <cdr:sp macro="" textlink="">
      <cdr:nvSpPr>
        <cdr:cNvPr id="3" name="مربع نص 1"/>
        <cdr:cNvSpPr txBox="1"/>
      </cdr:nvSpPr>
      <cdr:spPr>
        <a:xfrm xmlns:a="http://schemas.openxmlformats.org/drawingml/2006/main">
          <a:off x="1200150" y="247650"/>
          <a:ext cx="647700" cy="381000"/>
        </a:xfrm>
        <a:prstGeom xmlns:a="http://schemas.openxmlformats.org/drawingml/2006/main" prst="rect">
          <a:avLst/>
        </a:prstGeom>
      </cdr:spPr>
      <cdr:txBody>
        <a:bodyPr xmlns:a="http://schemas.openxmlformats.org/drawingml/2006/main" vertOverflow="clip" wrap="square" rtlCol="1"/>
        <a:lstStyle xmlns:a="http://schemas.openxmlformats.org/drawingml/2006/main"/>
        <a:p xmlns:a="http://schemas.openxmlformats.org/drawingml/2006/main">
          <a:endParaRPr lang="ar-IQ" sz="1400"/>
        </a:p>
      </cdr:txBody>
    </cdr:sp>
  </cdr:relSizeAnchor>
  <cdr:relSizeAnchor xmlns:cdr="http://schemas.openxmlformats.org/drawingml/2006/chartDrawing">
    <cdr:from>
      <cdr:x>0.2625</cdr:x>
      <cdr:y>0.09028</cdr:y>
    </cdr:from>
    <cdr:to>
      <cdr:x>0.40417</cdr:x>
      <cdr:y>0.22917</cdr:y>
    </cdr:to>
    <cdr:sp macro="" textlink="">
      <cdr:nvSpPr>
        <cdr:cNvPr id="4" name="مربع نص 1"/>
        <cdr:cNvSpPr txBox="1"/>
      </cdr:nvSpPr>
      <cdr:spPr>
        <a:xfrm xmlns:a="http://schemas.openxmlformats.org/drawingml/2006/main">
          <a:off x="1200150" y="247650"/>
          <a:ext cx="647700" cy="381000"/>
        </a:xfrm>
        <a:prstGeom xmlns:a="http://schemas.openxmlformats.org/drawingml/2006/main" prst="rect">
          <a:avLst/>
        </a:prstGeom>
      </cdr:spPr>
      <cdr:txBody>
        <a:bodyPr xmlns:a="http://schemas.openxmlformats.org/drawingml/2006/main" vertOverflow="clip" wrap="square" rtlCol="1"/>
        <a:lstStyle xmlns:a="http://schemas.openxmlformats.org/drawingml/2006/main"/>
        <a:p xmlns:a="http://schemas.openxmlformats.org/drawingml/2006/main">
          <a:endParaRPr lang="ar-IQ" sz="1400"/>
        </a:p>
      </cdr:txBody>
    </cdr:sp>
  </cdr:relSizeAnchor>
</c:userShapes>
</file>

<file path=word/drawings/drawing3.xml><?xml version="1.0" encoding="utf-8"?>
<c:userShapes xmlns:c="http://schemas.openxmlformats.org/drawingml/2006/chart">
  <cdr:relSizeAnchor xmlns:cdr="http://schemas.openxmlformats.org/drawingml/2006/chartDrawing">
    <cdr:from>
      <cdr:x>0.2625</cdr:x>
      <cdr:y>0.09028</cdr:y>
    </cdr:from>
    <cdr:to>
      <cdr:x>0.40417</cdr:x>
      <cdr:y>0.22917</cdr:y>
    </cdr:to>
    <cdr:sp macro="" textlink="">
      <cdr:nvSpPr>
        <cdr:cNvPr id="2" name="مربع نص 1"/>
        <cdr:cNvSpPr txBox="1"/>
      </cdr:nvSpPr>
      <cdr:spPr>
        <a:xfrm xmlns:a="http://schemas.openxmlformats.org/drawingml/2006/main">
          <a:off x="1200150" y="247650"/>
          <a:ext cx="647700" cy="381000"/>
        </a:xfrm>
        <a:prstGeom xmlns:a="http://schemas.openxmlformats.org/drawingml/2006/main" prst="rect">
          <a:avLst/>
        </a:prstGeom>
      </cdr:spPr>
      <cdr:txBody>
        <a:bodyPr xmlns:a="http://schemas.openxmlformats.org/drawingml/2006/main" vertOverflow="clip" wrap="square" rtlCol="1"/>
        <a:lstStyle xmlns:a="http://schemas.openxmlformats.org/drawingml/2006/main"/>
        <a:p xmlns:a="http://schemas.openxmlformats.org/drawingml/2006/main">
          <a:endParaRPr lang="ar-IQ" sz="1400"/>
        </a:p>
      </cdr:txBody>
    </cdr:sp>
  </cdr:relSizeAnchor>
  <cdr:relSizeAnchor xmlns:cdr="http://schemas.openxmlformats.org/drawingml/2006/chartDrawing">
    <cdr:from>
      <cdr:x>0.2625</cdr:x>
      <cdr:y>0.09028</cdr:y>
    </cdr:from>
    <cdr:to>
      <cdr:x>0.40417</cdr:x>
      <cdr:y>0.22917</cdr:y>
    </cdr:to>
    <cdr:sp macro="" textlink="">
      <cdr:nvSpPr>
        <cdr:cNvPr id="3" name="مربع نص 1"/>
        <cdr:cNvSpPr txBox="1"/>
      </cdr:nvSpPr>
      <cdr:spPr>
        <a:xfrm xmlns:a="http://schemas.openxmlformats.org/drawingml/2006/main">
          <a:off x="1200150" y="247650"/>
          <a:ext cx="647700" cy="381000"/>
        </a:xfrm>
        <a:prstGeom xmlns:a="http://schemas.openxmlformats.org/drawingml/2006/main" prst="rect">
          <a:avLst/>
        </a:prstGeom>
      </cdr:spPr>
      <cdr:txBody>
        <a:bodyPr xmlns:a="http://schemas.openxmlformats.org/drawingml/2006/main" vertOverflow="clip" wrap="square" rtlCol="1"/>
        <a:lstStyle xmlns:a="http://schemas.openxmlformats.org/drawingml/2006/main"/>
        <a:p xmlns:a="http://schemas.openxmlformats.org/drawingml/2006/main">
          <a:endParaRPr lang="ar-IQ" sz="1400"/>
        </a:p>
      </cdr:txBody>
    </cdr:sp>
  </cdr:relSizeAnchor>
</c:userShape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Normal</Template>
  <TotalTime>3</TotalTime>
  <Pages>8</Pages>
  <Words>2758</Words>
  <Characters>15723</Characters>
  <Application>Microsoft Office Word</Application>
  <DocSecurity>0</DocSecurity>
  <Lines>131</Lines>
  <Paragraphs>36</Paragraphs>
  <ScaleCrop>false</ScaleCrop>
  <HeadingPairs>
    <vt:vector size="4" baseType="variant">
      <vt:variant>
        <vt:lpstr>العنوان</vt:lpstr>
      </vt:variant>
      <vt:variant>
        <vt:i4>1</vt:i4>
      </vt:variant>
      <vt:variant>
        <vt:lpstr>Title</vt:lpstr>
      </vt:variant>
      <vt:variant>
        <vt:i4>1</vt:i4>
      </vt:variant>
    </vt:vector>
  </HeadingPairs>
  <TitlesOfParts>
    <vt:vector size="2" baseType="lpstr">
      <vt:lpstr/>
      <vt:lpstr/>
    </vt:vector>
  </TitlesOfParts>
  <Company>Al-Qaisar Technologies</Company>
  <LinksUpToDate>false</LinksUpToDate>
  <CharactersWithSpaces>184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Chafic Salame</cp:lastModifiedBy>
  <cp:revision>5</cp:revision>
  <dcterms:created xsi:type="dcterms:W3CDTF">2025-11-25T07:41:00Z</dcterms:created>
  <dcterms:modified xsi:type="dcterms:W3CDTF">2025-12-06T15: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88fc39c3-8209-4435-a6ee-88956dd1eff7</vt:lpwstr>
  </property>
</Properties>
</file>